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Override1.xml" ContentType="application/vnd.openxmlformats-officedocument.themeOverride+xml"/>
  <Override PartName="/ppt/tags/tag4.xml" ContentType="application/vnd.openxmlformats-officedocument.presentationml.tags+xml"/>
  <Override PartName="/ppt/theme/themeOverride2.xml" ContentType="application/vnd.openxmlformats-officedocument.themeOverride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slideLayouts/slideLayout158.xml" ContentType="application/vnd.openxmlformats-officedocument.presentationml.slideLayout+xml"/>
  <Override PartName="/ppt/slideLayouts/slideLayout159.xml" ContentType="application/vnd.openxmlformats-officedocument.presentationml.slideLayout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theme/theme3.xml" ContentType="application/vnd.openxmlformats-officedocument.them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slideLayouts/slideLayout169.xml" ContentType="application/vnd.openxmlformats-officedocument.presentationml.slideLayout+xml"/>
  <Override PartName="/ppt/slideLayouts/slideLayout170.xml" ContentType="application/vnd.openxmlformats-officedocument.presentationml.slideLayout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slideLayouts/slideLayout181.xml" ContentType="application/vnd.openxmlformats-officedocument.presentationml.slideLayout+xml"/>
  <Override PartName="/ppt/slideLayouts/slideLayout182.xml" ContentType="application/vnd.openxmlformats-officedocument.presentationml.slideLayout+xml"/>
  <Override PartName="/ppt/slideLayouts/slideLayout183.xml" ContentType="application/vnd.openxmlformats-officedocument.presentationml.slideLayout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slideLayouts/slideLayout187.xml" ContentType="application/vnd.openxmlformats-officedocument.presentationml.slideLayout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slideLayouts/slideLayout192.xml" ContentType="application/vnd.openxmlformats-officedocument.presentationml.slideLayout+xml"/>
  <Override PartName="/ppt/slideLayouts/slideLayout193.xml" ContentType="application/vnd.openxmlformats-officedocument.presentationml.slideLayout+xml"/>
  <Override PartName="/ppt/slideLayouts/slideLayout194.xml" ContentType="application/vnd.openxmlformats-officedocument.presentationml.slideLayout+xml"/>
  <Override PartName="/ppt/slideLayouts/slideLayout195.xml" ContentType="application/vnd.openxmlformats-officedocument.presentationml.slideLayout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slideLayouts/slideLayout201.xml" ContentType="application/vnd.openxmlformats-officedocument.presentationml.slideLayout+xml"/>
  <Override PartName="/ppt/slideLayouts/slideLayout202.xml" ContentType="application/vnd.openxmlformats-officedocument.presentationml.slideLayout+xml"/>
  <Override PartName="/ppt/slideLayouts/slideLayout203.xml" ContentType="application/vnd.openxmlformats-officedocument.presentationml.slideLayout+xml"/>
  <Override PartName="/ppt/slideLayouts/slideLayout204.xml" ContentType="application/vnd.openxmlformats-officedocument.presentationml.slideLayout+xml"/>
  <Override PartName="/ppt/slideLayouts/slideLayout205.xml" ContentType="application/vnd.openxmlformats-officedocument.presentationml.slideLayout+xml"/>
  <Override PartName="/ppt/slideLayouts/slideLayout206.xml" ContentType="application/vnd.openxmlformats-officedocument.presentationml.slideLayout+xml"/>
  <Override PartName="/ppt/slideLayouts/slideLayout207.xml" ContentType="application/vnd.openxmlformats-officedocument.presentationml.slideLayout+xml"/>
  <Override PartName="/ppt/slideLayouts/slideLayout208.xml" ContentType="application/vnd.openxmlformats-officedocument.presentationml.slideLayout+xml"/>
  <Override PartName="/ppt/slideLayouts/slideLayout209.xml" ContentType="application/vnd.openxmlformats-officedocument.presentationml.slideLayout+xml"/>
  <Override PartName="/ppt/slideLayouts/slideLayout210.xml" ContentType="application/vnd.openxmlformats-officedocument.presentationml.slideLayout+xml"/>
  <Override PartName="/ppt/slideLayouts/slideLayout211.xml" ContentType="application/vnd.openxmlformats-officedocument.presentationml.slideLayout+xml"/>
  <Override PartName="/ppt/slideLayouts/slideLayout212.xml" ContentType="application/vnd.openxmlformats-officedocument.presentationml.slideLayout+xml"/>
  <Override PartName="/ppt/slideLayouts/slideLayout213.xml" ContentType="application/vnd.openxmlformats-officedocument.presentationml.slideLayout+xml"/>
  <Override PartName="/ppt/slideLayouts/slideLayout214.xml" ContentType="application/vnd.openxmlformats-officedocument.presentationml.slideLayout+xml"/>
  <Override PartName="/ppt/slideLayouts/slideLayout215.xml" ContentType="application/vnd.openxmlformats-officedocument.presentationml.slideLayout+xml"/>
  <Override PartName="/ppt/slideLayouts/slideLayout216.xml" ContentType="application/vnd.openxmlformats-officedocument.presentationml.slideLayout+xml"/>
  <Override PartName="/ppt/slideLayouts/slideLayout217.xml" ContentType="application/vnd.openxmlformats-officedocument.presentationml.slideLayout+xml"/>
  <Override PartName="/ppt/slideLayouts/slideLayout218.xml" ContentType="application/vnd.openxmlformats-officedocument.presentationml.slideLayout+xml"/>
  <Override PartName="/ppt/slideLayouts/slideLayout219.xml" ContentType="application/vnd.openxmlformats-officedocument.presentationml.slideLayout+xml"/>
  <Override PartName="/ppt/slideLayouts/slideLayout220.xml" ContentType="application/vnd.openxmlformats-officedocument.presentationml.slideLayout+xml"/>
  <Override PartName="/ppt/slideLayouts/slideLayout221.xml" ContentType="application/vnd.openxmlformats-officedocument.presentationml.slideLayout+xml"/>
  <Override PartName="/ppt/slideLayouts/slideLayout222.xml" ContentType="application/vnd.openxmlformats-officedocument.presentationml.slideLayout+xml"/>
  <Override PartName="/ppt/slideLayouts/slideLayout223.xml" ContentType="application/vnd.openxmlformats-officedocument.presentationml.slideLayout+xml"/>
  <Override PartName="/ppt/slideLayouts/slideLayout224.xml" ContentType="application/vnd.openxmlformats-officedocument.presentationml.slideLayout+xml"/>
  <Override PartName="/ppt/slideLayouts/slideLayout225.xml" ContentType="application/vnd.openxmlformats-officedocument.presentationml.slideLayout+xml"/>
  <Override PartName="/ppt/slideLayouts/slideLayout226.xml" ContentType="application/vnd.openxmlformats-officedocument.presentationml.slideLayout+xml"/>
  <Override PartName="/ppt/slideLayouts/slideLayout227.xml" ContentType="application/vnd.openxmlformats-officedocument.presentationml.slideLayout+xml"/>
  <Override PartName="/ppt/slideLayouts/slideLayout228.xml" ContentType="application/vnd.openxmlformats-officedocument.presentationml.slideLayout+xml"/>
  <Override PartName="/ppt/slideLayouts/slideLayout229.xml" ContentType="application/vnd.openxmlformats-officedocument.presentationml.slideLayout+xml"/>
  <Override PartName="/ppt/slideLayouts/slideLayout230.xml" ContentType="application/vnd.openxmlformats-officedocument.presentationml.slideLayout+xml"/>
  <Override PartName="/ppt/slideLayouts/slideLayout231.xml" ContentType="application/vnd.openxmlformats-officedocument.presentationml.slideLayout+xml"/>
  <Override PartName="/ppt/theme/theme4.xml" ContentType="application/vnd.openxmlformats-officedocument.theme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heme/themeOverride3.xml" ContentType="application/vnd.openxmlformats-officedocument.themeOverride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slideLayouts/slideLayout232.xml" ContentType="application/vnd.openxmlformats-officedocument.presentationml.slideLayout+xml"/>
  <Override PartName="/ppt/slideLayouts/slideLayout233.xml" ContentType="application/vnd.openxmlformats-officedocument.presentationml.slideLayout+xml"/>
  <Override PartName="/ppt/slideLayouts/slideLayout234.xml" ContentType="application/vnd.openxmlformats-officedocument.presentationml.slideLayout+xml"/>
  <Override PartName="/ppt/slideLayouts/slideLayout235.xml" ContentType="application/vnd.openxmlformats-officedocument.presentationml.slideLayout+xml"/>
  <Override PartName="/ppt/slideLayouts/slideLayout236.xml" ContentType="application/vnd.openxmlformats-officedocument.presentationml.slideLayout+xml"/>
  <Override PartName="/ppt/slideLayouts/slideLayout237.xml" ContentType="application/vnd.openxmlformats-officedocument.presentationml.slideLayout+xml"/>
  <Override PartName="/ppt/slideLayouts/slideLayout238.xml" ContentType="application/vnd.openxmlformats-officedocument.presentationml.slideLayout+xml"/>
  <Override PartName="/ppt/slideLayouts/slideLayout239.xml" ContentType="application/vnd.openxmlformats-officedocument.presentationml.slideLayout+xml"/>
  <Override PartName="/ppt/slideLayouts/slideLayout240.xml" ContentType="application/vnd.openxmlformats-officedocument.presentationml.slideLayout+xml"/>
  <Override PartName="/ppt/slideLayouts/slideLayout241.xml" ContentType="application/vnd.openxmlformats-officedocument.presentationml.slideLayout+xml"/>
  <Override PartName="/ppt/slideLayouts/slideLayout242.xml" ContentType="application/vnd.openxmlformats-officedocument.presentationml.slideLayout+xml"/>
  <Override PartName="/ppt/slideLayouts/slideLayout243.xml" ContentType="application/vnd.openxmlformats-officedocument.presentationml.slideLayout+xml"/>
  <Override PartName="/ppt/slideLayouts/slideLayout244.xml" ContentType="application/vnd.openxmlformats-officedocument.presentationml.slideLayout+xml"/>
  <Override PartName="/ppt/slideLayouts/slideLayout245.xml" ContentType="application/vnd.openxmlformats-officedocument.presentationml.slideLayout+xml"/>
  <Override PartName="/ppt/slideLayouts/slideLayout246.xml" ContentType="application/vnd.openxmlformats-officedocument.presentationml.slideLayout+xml"/>
  <Override PartName="/ppt/slideLayouts/slideLayout247.xml" ContentType="application/vnd.openxmlformats-officedocument.presentationml.slideLayout+xml"/>
  <Override PartName="/ppt/slideLayouts/slideLayout248.xml" ContentType="application/vnd.openxmlformats-officedocument.presentationml.slideLayout+xml"/>
  <Override PartName="/ppt/slideLayouts/slideLayout249.xml" ContentType="application/vnd.openxmlformats-officedocument.presentationml.slideLayout+xml"/>
  <Override PartName="/ppt/slideLayouts/slideLayout250.xml" ContentType="application/vnd.openxmlformats-officedocument.presentationml.slideLayout+xml"/>
  <Override PartName="/ppt/slideLayouts/slideLayout251.xml" ContentType="application/vnd.openxmlformats-officedocument.presentationml.slideLayout+xml"/>
  <Override PartName="/ppt/slideLayouts/slideLayout252.xml" ContentType="application/vnd.openxmlformats-officedocument.presentationml.slideLayout+xml"/>
  <Override PartName="/ppt/slideLayouts/slideLayout253.xml" ContentType="application/vnd.openxmlformats-officedocument.presentationml.slideLayout+xml"/>
  <Override PartName="/ppt/slideLayouts/slideLayout254.xml" ContentType="application/vnd.openxmlformats-officedocument.presentationml.slideLayout+xml"/>
  <Override PartName="/ppt/slideLayouts/slideLayout255.xml" ContentType="application/vnd.openxmlformats-officedocument.presentationml.slideLayout+xml"/>
  <Override PartName="/ppt/slideLayouts/slideLayout256.xml" ContentType="application/vnd.openxmlformats-officedocument.presentationml.slideLayout+xml"/>
  <Override PartName="/ppt/slideLayouts/slideLayout257.xml" ContentType="application/vnd.openxmlformats-officedocument.presentationml.slideLayout+xml"/>
  <Override PartName="/ppt/slideLayouts/slideLayout258.xml" ContentType="application/vnd.openxmlformats-officedocument.presentationml.slideLayout+xml"/>
  <Override PartName="/ppt/slideLayouts/slideLayout259.xml" ContentType="application/vnd.openxmlformats-officedocument.presentationml.slideLayout+xml"/>
  <Override PartName="/ppt/slideLayouts/slideLayout260.xml" ContentType="application/vnd.openxmlformats-officedocument.presentationml.slideLayout+xml"/>
  <Override PartName="/ppt/slideLayouts/slideLayout261.xml" ContentType="application/vnd.openxmlformats-officedocument.presentationml.slideLayout+xml"/>
  <Override PartName="/ppt/slideLayouts/slideLayout262.xml" ContentType="application/vnd.openxmlformats-officedocument.presentationml.slideLayout+xml"/>
  <Override PartName="/ppt/slideLayouts/slideLayout263.xml" ContentType="application/vnd.openxmlformats-officedocument.presentationml.slideLayout+xml"/>
  <Override PartName="/ppt/slideLayouts/slideLayout264.xml" ContentType="application/vnd.openxmlformats-officedocument.presentationml.slideLayout+xml"/>
  <Override PartName="/ppt/slideLayouts/slideLayout265.xml" ContentType="application/vnd.openxmlformats-officedocument.presentationml.slideLayout+xml"/>
  <Override PartName="/ppt/slideLayouts/slideLayout266.xml" ContentType="application/vnd.openxmlformats-officedocument.presentationml.slideLayout+xml"/>
  <Override PartName="/ppt/slideLayouts/slideLayout267.xml" ContentType="application/vnd.openxmlformats-officedocument.presentationml.slideLayout+xml"/>
  <Override PartName="/ppt/slideLayouts/slideLayout268.xml" ContentType="application/vnd.openxmlformats-officedocument.presentationml.slideLayout+xml"/>
  <Override PartName="/ppt/slideLayouts/slideLayout269.xml" ContentType="application/vnd.openxmlformats-officedocument.presentationml.slideLayout+xml"/>
  <Override PartName="/ppt/slideLayouts/slideLayout270.xml" ContentType="application/vnd.openxmlformats-officedocument.presentationml.slideLayout+xml"/>
  <Override PartName="/ppt/slideLayouts/slideLayout271.xml" ContentType="application/vnd.openxmlformats-officedocument.presentationml.slideLayout+xml"/>
  <Override PartName="/ppt/slideLayouts/slideLayout272.xml" ContentType="application/vnd.openxmlformats-officedocument.presentationml.slideLayout+xml"/>
  <Override PartName="/ppt/slideLayouts/slideLayout273.xml" ContentType="application/vnd.openxmlformats-officedocument.presentationml.slideLayout+xml"/>
  <Override PartName="/ppt/slideLayouts/slideLayout274.xml" ContentType="application/vnd.openxmlformats-officedocument.presentationml.slideLayout+xml"/>
  <Override PartName="/ppt/slideLayouts/slideLayout275.xml" ContentType="application/vnd.openxmlformats-officedocument.presentationml.slideLayout+xml"/>
  <Override PartName="/ppt/slideLayouts/slideLayout276.xml" ContentType="application/vnd.openxmlformats-officedocument.presentationml.slideLayout+xml"/>
  <Override PartName="/ppt/slideLayouts/slideLayout277.xml" ContentType="application/vnd.openxmlformats-officedocument.presentationml.slideLayout+xml"/>
  <Override PartName="/ppt/slideLayouts/slideLayout278.xml" ContentType="application/vnd.openxmlformats-officedocument.presentationml.slideLayout+xml"/>
  <Override PartName="/ppt/slideLayouts/slideLayout279.xml" ContentType="application/vnd.openxmlformats-officedocument.presentationml.slideLayout+xml"/>
  <Override PartName="/ppt/slideLayouts/slideLayout280.xml" ContentType="application/vnd.openxmlformats-officedocument.presentationml.slideLayout+xml"/>
  <Override PartName="/ppt/slideLayouts/slideLayout281.xml" ContentType="application/vnd.openxmlformats-officedocument.presentationml.slideLayout+xml"/>
  <Override PartName="/ppt/slideLayouts/slideLayout282.xml" ContentType="application/vnd.openxmlformats-officedocument.presentationml.slideLayout+xml"/>
  <Override PartName="/ppt/slideLayouts/slideLayout283.xml" ContentType="application/vnd.openxmlformats-officedocument.presentationml.slideLayout+xml"/>
  <Override PartName="/ppt/slideLayouts/slideLayout284.xml" ContentType="application/vnd.openxmlformats-officedocument.presentationml.slideLayout+xml"/>
  <Override PartName="/ppt/slideLayouts/slideLayout285.xml" ContentType="application/vnd.openxmlformats-officedocument.presentationml.slideLayout+xml"/>
  <Override PartName="/ppt/slideLayouts/slideLayout286.xml" ContentType="application/vnd.openxmlformats-officedocument.presentationml.slideLayout+xml"/>
  <Override PartName="/ppt/slideLayouts/slideLayout287.xml" ContentType="application/vnd.openxmlformats-officedocument.presentationml.slideLayout+xml"/>
  <Override PartName="/ppt/slideLayouts/slideLayout288.xml" ContentType="application/vnd.openxmlformats-officedocument.presentationml.slideLayout+xml"/>
  <Override PartName="/ppt/slideLayouts/slideLayout289.xml" ContentType="application/vnd.openxmlformats-officedocument.presentationml.slideLayout+xml"/>
  <Override PartName="/ppt/slideLayouts/slideLayout290.xml" ContentType="application/vnd.openxmlformats-officedocument.presentationml.slideLayout+xml"/>
  <Override PartName="/ppt/slideLayouts/slideLayout291.xml" ContentType="application/vnd.openxmlformats-officedocument.presentationml.slideLayout+xml"/>
  <Override PartName="/ppt/slideLayouts/slideLayout292.xml" ContentType="application/vnd.openxmlformats-officedocument.presentationml.slideLayout+xml"/>
  <Override PartName="/ppt/slideLayouts/slideLayout293.xml" ContentType="application/vnd.openxmlformats-officedocument.presentationml.slideLayout+xml"/>
  <Override PartName="/ppt/slideLayouts/slideLayout294.xml" ContentType="application/vnd.openxmlformats-officedocument.presentationml.slideLayout+xml"/>
  <Override PartName="/ppt/slideLayouts/slideLayout295.xml" ContentType="application/vnd.openxmlformats-officedocument.presentationml.slideLayout+xml"/>
  <Override PartName="/ppt/slideLayouts/slideLayout296.xml" ContentType="application/vnd.openxmlformats-officedocument.presentationml.slideLayout+xml"/>
  <Override PartName="/ppt/slideLayouts/slideLayout297.xml" ContentType="application/vnd.openxmlformats-officedocument.presentationml.slideLayout+xml"/>
  <Override PartName="/ppt/slideLayouts/slideLayout298.xml" ContentType="application/vnd.openxmlformats-officedocument.presentationml.slideLayout+xml"/>
  <Override PartName="/ppt/slideLayouts/slideLayout299.xml" ContentType="application/vnd.openxmlformats-officedocument.presentationml.slideLayout+xml"/>
  <Override PartName="/ppt/slideLayouts/slideLayout300.xml" ContentType="application/vnd.openxmlformats-officedocument.presentationml.slideLayout+xml"/>
  <Override PartName="/ppt/slideLayouts/slideLayout301.xml" ContentType="application/vnd.openxmlformats-officedocument.presentationml.slideLayout+xml"/>
  <Override PartName="/ppt/theme/theme5.xml" ContentType="application/vnd.openxmlformats-officedocument.theme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heme/themeOverride4.xml" ContentType="application/vnd.openxmlformats-officedocument.themeOverride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slideLayouts/slideLayout302.xml" ContentType="application/vnd.openxmlformats-officedocument.presentationml.slideLayout+xml"/>
  <Override PartName="/ppt/slideLayouts/slideLayout303.xml" ContentType="application/vnd.openxmlformats-officedocument.presentationml.slideLayout+xml"/>
  <Override PartName="/ppt/slideLayouts/slideLayout304.xml" ContentType="application/vnd.openxmlformats-officedocument.presentationml.slideLayout+xml"/>
  <Override PartName="/ppt/slideLayouts/slideLayout305.xml" ContentType="application/vnd.openxmlformats-officedocument.presentationml.slideLayout+xml"/>
  <Override PartName="/ppt/slideLayouts/slideLayout306.xml" ContentType="application/vnd.openxmlformats-officedocument.presentationml.slideLayout+xml"/>
  <Override PartName="/ppt/slideLayouts/slideLayout307.xml" ContentType="application/vnd.openxmlformats-officedocument.presentationml.slideLayout+xml"/>
  <Override PartName="/ppt/slideLayouts/slideLayout308.xml" ContentType="application/vnd.openxmlformats-officedocument.presentationml.slideLayout+xml"/>
  <Override PartName="/ppt/slideLayouts/slideLayout309.xml" ContentType="application/vnd.openxmlformats-officedocument.presentationml.slideLayout+xml"/>
  <Override PartName="/ppt/slideLayouts/slideLayout310.xml" ContentType="application/vnd.openxmlformats-officedocument.presentationml.slideLayout+xml"/>
  <Override PartName="/ppt/slideLayouts/slideLayout311.xml" ContentType="application/vnd.openxmlformats-officedocument.presentationml.slideLayout+xml"/>
  <Override PartName="/ppt/slideLayouts/slideLayout312.xml" ContentType="application/vnd.openxmlformats-officedocument.presentationml.slideLayout+xml"/>
  <Override PartName="/ppt/slideLayouts/slideLayout313.xml" ContentType="application/vnd.openxmlformats-officedocument.presentationml.slideLayout+xml"/>
  <Override PartName="/ppt/slideLayouts/slideLayout314.xml" ContentType="application/vnd.openxmlformats-officedocument.presentationml.slideLayout+xml"/>
  <Override PartName="/ppt/slideLayouts/slideLayout315.xml" ContentType="application/vnd.openxmlformats-officedocument.presentationml.slideLayout+xml"/>
  <Override PartName="/ppt/slideLayouts/slideLayout316.xml" ContentType="application/vnd.openxmlformats-officedocument.presentationml.slideLayout+xml"/>
  <Override PartName="/ppt/slideLayouts/slideLayout317.xml" ContentType="application/vnd.openxmlformats-officedocument.presentationml.slideLayout+xml"/>
  <Override PartName="/ppt/slideLayouts/slideLayout318.xml" ContentType="application/vnd.openxmlformats-officedocument.presentationml.slideLayout+xml"/>
  <Override PartName="/ppt/slideLayouts/slideLayout319.xml" ContentType="application/vnd.openxmlformats-officedocument.presentationml.slideLayout+xml"/>
  <Override PartName="/ppt/slideLayouts/slideLayout320.xml" ContentType="application/vnd.openxmlformats-officedocument.presentationml.slideLayout+xml"/>
  <Override PartName="/ppt/slideLayouts/slideLayout321.xml" ContentType="application/vnd.openxmlformats-officedocument.presentationml.slideLayout+xml"/>
  <Override PartName="/ppt/slideLayouts/slideLayout322.xml" ContentType="application/vnd.openxmlformats-officedocument.presentationml.slideLayout+xml"/>
  <Override PartName="/ppt/slideLayouts/slideLayout323.xml" ContentType="application/vnd.openxmlformats-officedocument.presentationml.slideLayout+xml"/>
  <Override PartName="/ppt/slideLayouts/slideLayout324.xml" ContentType="application/vnd.openxmlformats-officedocument.presentationml.slideLayout+xml"/>
  <Override PartName="/ppt/slideLayouts/slideLayout325.xml" ContentType="application/vnd.openxmlformats-officedocument.presentationml.slideLayout+xml"/>
  <Override PartName="/ppt/slideLayouts/slideLayout326.xml" ContentType="application/vnd.openxmlformats-officedocument.presentationml.slideLayout+xml"/>
  <Override PartName="/ppt/slideLayouts/slideLayout327.xml" ContentType="application/vnd.openxmlformats-officedocument.presentationml.slideLayout+xml"/>
  <Override PartName="/ppt/slideLayouts/slideLayout328.xml" ContentType="application/vnd.openxmlformats-officedocument.presentationml.slideLayout+xml"/>
  <Override PartName="/ppt/slideLayouts/slideLayout329.xml" ContentType="application/vnd.openxmlformats-officedocument.presentationml.slideLayout+xml"/>
  <Override PartName="/ppt/slideLayouts/slideLayout330.xml" ContentType="application/vnd.openxmlformats-officedocument.presentationml.slideLayout+xml"/>
  <Override PartName="/ppt/slideLayouts/slideLayout331.xml" ContentType="application/vnd.openxmlformats-officedocument.presentationml.slideLayout+xml"/>
  <Override PartName="/ppt/slideLayouts/slideLayout332.xml" ContentType="application/vnd.openxmlformats-officedocument.presentationml.slideLayout+xml"/>
  <Override PartName="/ppt/slideLayouts/slideLayout333.xml" ContentType="application/vnd.openxmlformats-officedocument.presentationml.slideLayout+xml"/>
  <Override PartName="/ppt/slideLayouts/slideLayout334.xml" ContentType="application/vnd.openxmlformats-officedocument.presentationml.slideLayout+xml"/>
  <Override PartName="/ppt/slideLayouts/slideLayout335.xml" ContentType="application/vnd.openxmlformats-officedocument.presentationml.slideLayout+xml"/>
  <Override PartName="/ppt/slideLayouts/slideLayout336.xml" ContentType="application/vnd.openxmlformats-officedocument.presentationml.slideLayout+xml"/>
  <Override PartName="/ppt/slideLayouts/slideLayout337.xml" ContentType="application/vnd.openxmlformats-officedocument.presentationml.slideLayout+xml"/>
  <Override PartName="/ppt/slideLayouts/slideLayout338.xml" ContentType="application/vnd.openxmlformats-officedocument.presentationml.slideLayout+xml"/>
  <Override PartName="/ppt/slideLayouts/slideLayout339.xml" ContentType="application/vnd.openxmlformats-officedocument.presentationml.slideLayout+xml"/>
  <Override PartName="/ppt/slideLayouts/slideLayout340.xml" ContentType="application/vnd.openxmlformats-officedocument.presentationml.slideLayout+xml"/>
  <Override PartName="/ppt/slideLayouts/slideLayout341.xml" ContentType="application/vnd.openxmlformats-officedocument.presentationml.slideLayout+xml"/>
  <Override PartName="/ppt/slideLayouts/slideLayout342.xml" ContentType="application/vnd.openxmlformats-officedocument.presentationml.slideLayout+xml"/>
  <Override PartName="/ppt/slideLayouts/slideLayout343.xml" ContentType="application/vnd.openxmlformats-officedocument.presentationml.slideLayout+xml"/>
  <Override PartName="/ppt/slideLayouts/slideLayout344.xml" ContentType="application/vnd.openxmlformats-officedocument.presentationml.slideLayout+xml"/>
  <Override PartName="/ppt/slideLayouts/slideLayout345.xml" ContentType="application/vnd.openxmlformats-officedocument.presentationml.slideLayout+xml"/>
  <Override PartName="/ppt/slideLayouts/slideLayout346.xml" ContentType="application/vnd.openxmlformats-officedocument.presentationml.slideLayout+xml"/>
  <Override PartName="/ppt/slideLayouts/slideLayout347.xml" ContentType="application/vnd.openxmlformats-officedocument.presentationml.slideLayout+xml"/>
  <Override PartName="/ppt/slideLayouts/slideLayout348.xml" ContentType="application/vnd.openxmlformats-officedocument.presentationml.slideLayout+xml"/>
  <Override PartName="/ppt/slideLayouts/slideLayout349.xml" ContentType="application/vnd.openxmlformats-officedocument.presentationml.slideLayout+xml"/>
  <Override PartName="/ppt/slideLayouts/slideLayout350.xml" ContentType="application/vnd.openxmlformats-officedocument.presentationml.slideLayout+xml"/>
  <Override PartName="/ppt/slideLayouts/slideLayout351.xml" ContentType="application/vnd.openxmlformats-officedocument.presentationml.slideLayout+xml"/>
  <Override PartName="/ppt/slideLayouts/slideLayout352.xml" ContentType="application/vnd.openxmlformats-officedocument.presentationml.slideLayout+xml"/>
  <Override PartName="/ppt/slideLayouts/slideLayout353.xml" ContentType="application/vnd.openxmlformats-officedocument.presentationml.slideLayout+xml"/>
  <Override PartName="/ppt/slideLayouts/slideLayout354.xml" ContentType="application/vnd.openxmlformats-officedocument.presentationml.slideLayout+xml"/>
  <Override PartName="/ppt/slideLayouts/slideLayout355.xml" ContentType="application/vnd.openxmlformats-officedocument.presentationml.slideLayout+xml"/>
  <Override PartName="/ppt/slideLayouts/slideLayout356.xml" ContentType="application/vnd.openxmlformats-officedocument.presentationml.slideLayout+xml"/>
  <Override PartName="/ppt/slideLayouts/slideLayout357.xml" ContentType="application/vnd.openxmlformats-officedocument.presentationml.slideLayout+xml"/>
  <Override PartName="/ppt/slideLayouts/slideLayout358.xml" ContentType="application/vnd.openxmlformats-officedocument.presentationml.slideLayout+xml"/>
  <Override PartName="/ppt/slideLayouts/slideLayout359.xml" ContentType="application/vnd.openxmlformats-officedocument.presentationml.slideLayout+xml"/>
  <Override PartName="/ppt/slideLayouts/slideLayout360.xml" ContentType="application/vnd.openxmlformats-officedocument.presentationml.slideLayout+xml"/>
  <Override PartName="/ppt/slideLayouts/slideLayout361.xml" ContentType="application/vnd.openxmlformats-officedocument.presentationml.slideLayout+xml"/>
  <Override PartName="/ppt/slideLayouts/slideLayout362.xml" ContentType="application/vnd.openxmlformats-officedocument.presentationml.slideLayout+xml"/>
  <Override PartName="/ppt/slideLayouts/slideLayout363.xml" ContentType="application/vnd.openxmlformats-officedocument.presentationml.slideLayout+xml"/>
  <Override PartName="/ppt/slideLayouts/slideLayout364.xml" ContentType="application/vnd.openxmlformats-officedocument.presentationml.slideLayout+xml"/>
  <Override PartName="/ppt/slideLayouts/slideLayout365.xml" ContentType="application/vnd.openxmlformats-officedocument.presentationml.slideLayout+xml"/>
  <Override PartName="/ppt/slideLayouts/slideLayout366.xml" ContentType="application/vnd.openxmlformats-officedocument.presentationml.slideLayout+xml"/>
  <Override PartName="/ppt/slideLayouts/slideLayout367.xml" ContentType="application/vnd.openxmlformats-officedocument.presentationml.slideLayout+xml"/>
  <Override PartName="/ppt/slideLayouts/slideLayout368.xml" ContentType="application/vnd.openxmlformats-officedocument.presentationml.slideLayout+xml"/>
  <Override PartName="/ppt/slideLayouts/slideLayout369.xml" ContentType="application/vnd.openxmlformats-officedocument.presentationml.slideLayout+xml"/>
  <Override PartName="/ppt/slideLayouts/slideLayout370.xml" ContentType="application/vnd.openxmlformats-officedocument.presentationml.slideLayout+xml"/>
  <Override PartName="/ppt/slideLayouts/slideLayout371.xml" ContentType="application/vnd.openxmlformats-officedocument.presentationml.slideLayout+xml"/>
  <Override PartName="/ppt/theme/theme6.xml" ContentType="application/vnd.openxmlformats-officedocument.theme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theme/themeOverride5.xml" ContentType="application/vnd.openxmlformats-officedocument.themeOverride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tags/tag276.xml" ContentType="application/vnd.openxmlformats-officedocument.presentationml.tags+xml"/>
  <Override PartName="/ppt/tags/tag277.xml" ContentType="application/vnd.openxmlformats-officedocument.presentationml.tags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tags/tag280.xml" ContentType="application/vnd.openxmlformats-officedocument.presentationml.tags+xml"/>
  <Override PartName="/ppt/tags/tag281.xml" ContentType="application/vnd.openxmlformats-officedocument.presentationml.tags+xml"/>
  <Override PartName="/ppt/tags/tag282.xml" ContentType="application/vnd.openxmlformats-officedocument.presentationml.tags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tags/tag285.xml" ContentType="application/vnd.openxmlformats-officedocument.presentationml.tags+xml"/>
  <Override PartName="/ppt/tags/tag286.xml" ContentType="application/vnd.openxmlformats-officedocument.presentationml.tags+xml"/>
  <Override PartName="/ppt/tags/tag287.xml" ContentType="application/vnd.openxmlformats-officedocument.presentationml.tags+xml"/>
  <Override PartName="/ppt/tags/tag288.xml" ContentType="application/vnd.openxmlformats-officedocument.presentationml.tags+xml"/>
  <Override PartName="/ppt/tags/tag289.xml" ContentType="application/vnd.openxmlformats-officedocument.presentationml.tags+xml"/>
  <Override PartName="/ppt/tags/tag290.xml" ContentType="application/vnd.openxmlformats-officedocument.presentationml.tags+xml"/>
  <Override PartName="/ppt/tags/tag291.xml" ContentType="application/vnd.openxmlformats-officedocument.presentationml.tags+xml"/>
  <Override PartName="/ppt/tags/tag292.xml" ContentType="application/vnd.openxmlformats-officedocument.presentationml.tags+xml"/>
  <Override PartName="/ppt/tags/tag293.xml" ContentType="application/vnd.openxmlformats-officedocument.presentationml.tags+xml"/>
  <Override PartName="/ppt/tags/tag294.xml" ContentType="application/vnd.openxmlformats-officedocument.presentationml.tags+xml"/>
  <Override PartName="/ppt/tags/tag295.xml" ContentType="application/vnd.openxmlformats-officedocument.presentationml.tags+xml"/>
  <Override PartName="/ppt/tags/tag296.xml" ContentType="application/vnd.openxmlformats-officedocument.presentationml.tags+xml"/>
  <Override PartName="/ppt/tags/tag297.xml" ContentType="application/vnd.openxmlformats-officedocument.presentationml.tags+xml"/>
  <Override PartName="/ppt/tags/tag298.xml" ContentType="application/vnd.openxmlformats-officedocument.presentationml.tags+xml"/>
  <Override PartName="/ppt/tags/tag299.xml" ContentType="application/vnd.openxmlformats-officedocument.presentationml.tags+xml"/>
  <Override PartName="/ppt/tags/tag300.xml" ContentType="application/vnd.openxmlformats-officedocument.presentationml.tags+xml"/>
  <Override PartName="/ppt/tags/tag301.xml" ContentType="application/vnd.openxmlformats-officedocument.presentationml.tags+xml"/>
  <Override PartName="/ppt/tags/tag302.xml" ContentType="application/vnd.openxmlformats-officedocument.presentationml.tags+xml"/>
  <Override PartName="/ppt/tags/tag303.xml" ContentType="application/vnd.openxmlformats-officedocument.presentationml.tags+xml"/>
  <Override PartName="/ppt/tags/tag304.xml" ContentType="application/vnd.openxmlformats-officedocument.presentationml.tags+xml"/>
  <Override PartName="/ppt/tags/tag305.xml" ContentType="application/vnd.openxmlformats-officedocument.presentationml.tags+xml"/>
  <Override PartName="/ppt/tags/tag306.xml" ContentType="application/vnd.openxmlformats-officedocument.presentationml.tags+xml"/>
  <Override PartName="/ppt/tags/tag307.xml" ContentType="application/vnd.openxmlformats-officedocument.presentationml.tags+xml"/>
  <Override PartName="/ppt/tags/tag308.xml" ContentType="application/vnd.openxmlformats-officedocument.presentationml.tags+xml"/>
  <Override PartName="/ppt/tags/tag309.xml" ContentType="application/vnd.openxmlformats-officedocument.presentationml.tags+xml"/>
  <Override PartName="/ppt/tags/tag310.xml" ContentType="application/vnd.openxmlformats-officedocument.presentationml.tags+xml"/>
  <Override PartName="/ppt/tags/tag311.xml" ContentType="application/vnd.openxmlformats-officedocument.presentationml.tags+xml"/>
  <Override PartName="/ppt/tags/tag312.xml" ContentType="application/vnd.openxmlformats-officedocument.presentationml.tags+xml"/>
  <Override PartName="/ppt/theme/theme7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76" r:id="rId2"/>
    <p:sldMasterId id="2147483759" r:id="rId3"/>
    <p:sldMasterId id="2147483825" r:id="rId4"/>
    <p:sldMasterId id="2147483895" r:id="rId5"/>
    <p:sldMasterId id="2147483966" r:id="rId6"/>
  </p:sldMasterIdLst>
  <p:notesMasterIdLst>
    <p:notesMasterId r:id="rId31"/>
  </p:notesMasterIdLst>
  <p:sldIdLst>
    <p:sldId id="256" r:id="rId7"/>
    <p:sldId id="289" r:id="rId8"/>
    <p:sldId id="279" r:id="rId9"/>
    <p:sldId id="277" r:id="rId10"/>
    <p:sldId id="282" r:id="rId11"/>
    <p:sldId id="262" r:id="rId12"/>
    <p:sldId id="257" r:id="rId13"/>
    <p:sldId id="258" r:id="rId14"/>
    <p:sldId id="259" r:id="rId15"/>
    <p:sldId id="260" r:id="rId16"/>
    <p:sldId id="272" r:id="rId17"/>
    <p:sldId id="261" r:id="rId18"/>
    <p:sldId id="275" r:id="rId19"/>
    <p:sldId id="263" r:id="rId20"/>
    <p:sldId id="264" r:id="rId21"/>
    <p:sldId id="291" r:id="rId22"/>
    <p:sldId id="280" r:id="rId23"/>
    <p:sldId id="283" r:id="rId24"/>
    <p:sldId id="284" r:id="rId25"/>
    <p:sldId id="285" r:id="rId26"/>
    <p:sldId id="287" r:id="rId27"/>
    <p:sldId id="288" r:id="rId28"/>
    <p:sldId id="290" r:id="rId29"/>
    <p:sldId id="271" r:id="rId30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8CBAD"/>
    <a:srgbClr val="FF5353"/>
    <a:srgbClr val="BDD7EE"/>
    <a:srgbClr val="8A8A8A"/>
    <a:srgbClr val="7A567B"/>
    <a:srgbClr val="604900"/>
    <a:srgbClr val="00ACA8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A7784D3A-2DAC-4ED2-BB27-C8D48836B5C0}" v="156" dt="2025-05-28T09:08:13.072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073A0DAA-6AF3-43AB-8588-CEC1D06C72B9}" styleName="Medium Styl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0"/>
  </p:normalViewPr>
  <p:slideViewPr>
    <p:cSldViewPr snapToGrid="0">
      <p:cViewPr varScale="1">
        <p:scale>
          <a:sx n="59" d="100"/>
          <a:sy n="59" d="100"/>
        </p:scale>
        <p:origin x="940" y="5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7.xml"/><Relationship Id="rId18" Type="http://schemas.openxmlformats.org/officeDocument/2006/relationships/slide" Target="slides/slide12.xml"/><Relationship Id="rId26" Type="http://schemas.openxmlformats.org/officeDocument/2006/relationships/slide" Target="slides/slide20.xml"/><Relationship Id="rId21" Type="http://schemas.openxmlformats.org/officeDocument/2006/relationships/slide" Target="slides/slide15.xml"/><Relationship Id="rId34" Type="http://schemas.openxmlformats.org/officeDocument/2006/relationships/theme" Target="theme/theme1.xml"/><Relationship Id="rId7" Type="http://schemas.openxmlformats.org/officeDocument/2006/relationships/slide" Target="slides/slide1.xml"/><Relationship Id="rId12" Type="http://schemas.openxmlformats.org/officeDocument/2006/relationships/slide" Target="slides/slide6.xml"/><Relationship Id="rId17" Type="http://schemas.openxmlformats.org/officeDocument/2006/relationships/slide" Target="slides/slide11.xml"/><Relationship Id="rId25" Type="http://schemas.openxmlformats.org/officeDocument/2006/relationships/slide" Target="slides/slide19.xml"/><Relationship Id="rId33" Type="http://schemas.openxmlformats.org/officeDocument/2006/relationships/viewProps" Target="viewProp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0.xml"/><Relationship Id="rId20" Type="http://schemas.openxmlformats.org/officeDocument/2006/relationships/slide" Target="slides/slide14.xml"/><Relationship Id="rId29" Type="http://schemas.openxmlformats.org/officeDocument/2006/relationships/slide" Target="slides/slide23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11" Type="http://schemas.openxmlformats.org/officeDocument/2006/relationships/slide" Target="slides/slide5.xml"/><Relationship Id="rId24" Type="http://schemas.openxmlformats.org/officeDocument/2006/relationships/slide" Target="slides/slide18.xml"/><Relationship Id="rId32" Type="http://schemas.openxmlformats.org/officeDocument/2006/relationships/presProps" Target="presProps.xml"/><Relationship Id="rId37" Type="http://schemas.microsoft.com/office/2015/10/relationships/revisionInfo" Target="revisionInfo.xml"/><Relationship Id="rId5" Type="http://schemas.openxmlformats.org/officeDocument/2006/relationships/slideMaster" Target="slideMasters/slideMaster5.xml"/><Relationship Id="rId15" Type="http://schemas.openxmlformats.org/officeDocument/2006/relationships/slide" Target="slides/slide9.xml"/><Relationship Id="rId23" Type="http://schemas.openxmlformats.org/officeDocument/2006/relationships/slide" Target="slides/slide17.xml"/><Relationship Id="rId28" Type="http://schemas.openxmlformats.org/officeDocument/2006/relationships/slide" Target="slides/slide22.xml"/><Relationship Id="rId36" Type="http://schemas.microsoft.com/office/2016/11/relationships/changesInfo" Target="changesInfos/changesInfo1.xml"/><Relationship Id="rId10" Type="http://schemas.openxmlformats.org/officeDocument/2006/relationships/slide" Target="slides/slide4.xml"/><Relationship Id="rId19" Type="http://schemas.openxmlformats.org/officeDocument/2006/relationships/slide" Target="slides/slide13.xml"/><Relationship Id="rId31" Type="http://schemas.openxmlformats.org/officeDocument/2006/relationships/notesMaster" Target="notesMasters/notesMaster1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3.xml"/><Relationship Id="rId14" Type="http://schemas.openxmlformats.org/officeDocument/2006/relationships/slide" Target="slides/slide8.xml"/><Relationship Id="rId22" Type="http://schemas.openxmlformats.org/officeDocument/2006/relationships/slide" Target="slides/slide16.xml"/><Relationship Id="rId27" Type="http://schemas.openxmlformats.org/officeDocument/2006/relationships/slide" Target="slides/slide21.xml"/><Relationship Id="rId30" Type="http://schemas.openxmlformats.org/officeDocument/2006/relationships/slide" Target="slides/slide24.xml"/><Relationship Id="rId35" Type="http://schemas.openxmlformats.org/officeDocument/2006/relationships/tableStyles" Target="tableStyles.xml"/><Relationship Id="rId8" Type="http://schemas.openxmlformats.org/officeDocument/2006/relationships/slide" Target="slides/slide2.xml"/><Relationship Id="rId3" Type="http://schemas.openxmlformats.org/officeDocument/2006/relationships/slideMaster" Target="slideMasters/slideMaster3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Suman Das" userId="48a07445-4675-4748-acc3-eb500a5ddf20" providerId="ADAL" clId="{A7784D3A-2DAC-4ED2-BB27-C8D48836B5C0}"/>
    <pc:docChg chg="undo redo custSel addSld delSld modSld sldOrd">
      <pc:chgData name="Suman Das" userId="48a07445-4675-4748-acc3-eb500a5ddf20" providerId="ADAL" clId="{A7784D3A-2DAC-4ED2-BB27-C8D48836B5C0}" dt="2025-05-28T09:08:36.288" v="2265" actId="14100"/>
      <pc:docMkLst>
        <pc:docMk/>
      </pc:docMkLst>
      <pc:sldChg chg="modSp mod">
        <pc:chgData name="Suman Das" userId="48a07445-4675-4748-acc3-eb500a5ddf20" providerId="ADAL" clId="{A7784D3A-2DAC-4ED2-BB27-C8D48836B5C0}" dt="2025-05-28T04:12:16.424" v="1777" actId="1076"/>
        <pc:sldMkLst>
          <pc:docMk/>
          <pc:sldMk cId="3351015459" sldId="256"/>
        </pc:sldMkLst>
        <pc:spChg chg="mod">
          <ac:chgData name="Suman Das" userId="48a07445-4675-4748-acc3-eb500a5ddf20" providerId="ADAL" clId="{A7784D3A-2DAC-4ED2-BB27-C8D48836B5C0}" dt="2025-05-28T04:12:16.424" v="1777" actId="1076"/>
          <ac:spMkLst>
            <pc:docMk/>
            <pc:sldMk cId="3351015459" sldId="256"/>
            <ac:spMk id="2" creationId="{AAB5D155-3D98-711E-99B1-32DDE35999A3}"/>
          </ac:spMkLst>
        </pc:spChg>
      </pc:sldChg>
      <pc:sldChg chg="delSp modSp mod">
        <pc:chgData name="Suman Das" userId="48a07445-4675-4748-acc3-eb500a5ddf20" providerId="ADAL" clId="{A7784D3A-2DAC-4ED2-BB27-C8D48836B5C0}" dt="2025-05-28T09:01:28.210" v="2158" actId="207"/>
        <pc:sldMkLst>
          <pc:docMk/>
          <pc:sldMk cId="3065366446" sldId="257"/>
        </pc:sldMkLst>
        <pc:spChg chg="mod">
          <ac:chgData name="Suman Das" userId="48a07445-4675-4748-acc3-eb500a5ddf20" providerId="ADAL" clId="{A7784D3A-2DAC-4ED2-BB27-C8D48836B5C0}" dt="2025-05-14T08:38:54.557" v="1" actId="14100"/>
          <ac:spMkLst>
            <pc:docMk/>
            <pc:sldMk cId="3065366446" sldId="257"/>
            <ac:spMk id="4" creationId="{58019808-9C15-CE56-EABC-E9F1EABDF150}"/>
          </ac:spMkLst>
        </pc:spChg>
        <pc:graphicFrameChg chg="modGraphic">
          <ac:chgData name="Suman Das" userId="48a07445-4675-4748-acc3-eb500a5ddf20" providerId="ADAL" clId="{A7784D3A-2DAC-4ED2-BB27-C8D48836B5C0}" dt="2025-05-28T09:01:28.210" v="2158" actId="207"/>
          <ac:graphicFrameMkLst>
            <pc:docMk/>
            <pc:sldMk cId="3065366446" sldId="257"/>
            <ac:graphicFrameMk id="5" creationId="{E7FDFD7E-7A25-76E8-82EF-ACF2B4BC5202}"/>
          </ac:graphicFrameMkLst>
        </pc:graphicFrameChg>
      </pc:sldChg>
      <pc:sldChg chg="modSp mod">
        <pc:chgData name="Suman Das" userId="48a07445-4675-4748-acc3-eb500a5ddf20" providerId="ADAL" clId="{A7784D3A-2DAC-4ED2-BB27-C8D48836B5C0}" dt="2025-05-28T09:01:36.848" v="2159" actId="207"/>
        <pc:sldMkLst>
          <pc:docMk/>
          <pc:sldMk cId="2843229640" sldId="258"/>
        </pc:sldMkLst>
        <pc:graphicFrameChg chg="mod modGraphic">
          <ac:chgData name="Suman Das" userId="48a07445-4675-4748-acc3-eb500a5ddf20" providerId="ADAL" clId="{A7784D3A-2DAC-4ED2-BB27-C8D48836B5C0}" dt="2025-05-28T09:01:36.848" v="2159" actId="207"/>
          <ac:graphicFrameMkLst>
            <pc:docMk/>
            <pc:sldMk cId="2843229640" sldId="258"/>
            <ac:graphicFrameMk id="2" creationId="{A5B534F5-410A-CB58-9CA1-33539E17758E}"/>
          </ac:graphicFrameMkLst>
        </pc:graphicFrameChg>
      </pc:sldChg>
      <pc:sldChg chg="modSp mod">
        <pc:chgData name="Suman Das" userId="48a07445-4675-4748-acc3-eb500a5ddf20" providerId="ADAL" clId="{A7784D3A-2DAC-4ED2-BB27-C8D48836B5C0}" dt="2025-05-28T09:03:14.106" v="2216" actId="207"/>
        <pc:sldMkLst>
          <pc:docMk/>
          <pc:sldMk cId="14500445" sldId="259"/>
        </pc:sldMkLst>
        <pc:graphicFrameChg chg="mod modGraphic">
          <ac:chgData name="Suman Das" userId="48a07445-4675-4748-acc3-eb500a5ddf20" providerId="ADAL" clId="{A7784D3A-2DAC-4ED2-BB27-C8D48836B5C0}" dt="2025-05-28T09:03:14.106" v="2216" actId="207"/>
          <ac:graphicFrameMkLst>
            <pc:docMk/>
            <pc:sldMk cId="14500445" sldId="259"/>
            <ac:graphicFrameMk id="2" creationId="{F1322BC9-1340-7B6C-4DF9-FA33C0932BDA}"/>
          </ac:graphicFrameMkLst>
        </pc:graphicFrameChg>
      </pc:sldChg>
      <pc:sldChg chg="addSp delSp modSp mod">
        <pc:chgData name="Suman Das" userId="48a07445-4675-4748-acc3-eb500a5ddf20" providerId="ADAL" clId="{A7784D3A-2DAC-4ED2-BB27-C8D48836B5C0}" dt="2025-05-27T08:55:21.026" v="1265"/>
        <pc:sldMkLst>
          <pc:docMk/>
          <pc:sldMk cId="4148481633" sldId="260"/>
        </pc:sldMkLst>
        <pc:spChg chg="mod">
          <ac:chgData name="Suman Das" userId="48a07445-4675-4748-acc3-eb500a5ddf20" providerId="ADAL" clId="{A7784D3A-2DAC-4ED2-BB27-C8D48836B5C0}" dt="2025-05-14T10:52:27.806" v="241" actId="1076"/>
          <ac:spMkLst>
            <pc:docMk/>
            <pc:sldMk cId="4148481633" sldId="260"/>
            <ac:spMk id="458" creationId="{C555477A-6198-262C-B87D-D97F35BE9E4A}"/>
          </ac:spMkLst>
        </pc:spChg>
        <pc:graphicFrameChg chg="add del mod modGraphic">
          <ac:chgData name="Suman Das" userId="48a07445-4675-4748-acc3-eb500a5ddf20" providerId="ADAL" clId="{A7784D3A-2DAC-4ED2-BB27-C8D48836B5C0}" dt="2025-05-27T03:53:25.031" v="437" actId="478"/>
          <ac:graphicFrameMkLst>
            <pc:docMk/>
            <pc:sldMk cId="4148481633" sldId="260"/>
            <ac:graphicFrameMk id="2" creationId="{AA1D8C3E-4BDD-228C-150E-C1A7AF0438EF}"/>
          </ac:graphicFrameMkLst>
        </pc:graphicFrameChg>
        <pc:graphicFrameChg chg="mod modGraphic">
          <ac:chgData name="Suman Das" userId="48a07445-4675-4748-acc3-eb500a5ddf20" providerId="ADAL" clId="{A7784D3A-2DAC-4ED2-BB27-C8D48836B5C0}" dt="2025-05-27T08:55:21.026" v="1265"/>
          <ac:graphicFrameMkLst>
            <pc:docMk/>
            <pc:sldMk cId="4148481633" sldId="260"/>
            <ac:graphicFrameMk id="400" creationId="{D3482654-9DD3-62CB-4489-219AC049DDCF}"/>
          </ac:graphicFrameMkLst>
        </pc:graphicFrameChg>
      </pc:sldChg>
      <pc:sldChg chg="addSp delSp modSp mod">
        <pc:chgData name="Suman Das" userId="48a07445-4675-4748-acc3-eb500a5ddf20" providerId="ADAL" clId="{A7784D3A-2DAC-4ED2-BB27-C8D48836B5C0}" dt="2025-05-27T04:03:26.349" v="519" actId="207"/>
        <pc:sldMkLst>
          <pc:docMk/>
          <pc:sldMk cId="3500966635" sldId="261"/>
        </pc:sldMkLst>
        <pc:spChg chg="add mod ord">
          <ac:chgData name="Suman Das" userId="48a07445-4675-4748-acc3-eb500a5ddf20" providerId="ADAL" clId="{A7784D3A-2DAC-4ED2-BB27-C8D48836B5C0}" dt="2025-05-27T04:03:26.349" v="519" actId="207"/>
          <ac:spMkLst>
            <pc:docMk/>
            <pc:sldMk cId="3500966635" sldId="261"/>
            <ac:spMk id="4" creationId="{F83BDBF0-8808-960C-32A7-A30581907130}"/>
          </ac:spMkLst>
        </pc:spChg>
        <pc:graphicFrameChg chg="add del mod modGraphic">
          <ac:chgData name="Suman Das" userId="48a07445-4675-4748-acc3-eb500a5ddf20" providerId="ADAL" clId="{A7784D3A-2DAC-4ED2-BB27-C8D48836B5C0}" dt="2025-05-27T04:00:54.979" v="499" actId="478"/>
          <ac:graphicFrameMkLst>
            <pc:docMk/>
            <pc:sldMk cId="3500966635" sldId="261"/>
            <ac:graphicFrameMk id="3" creationId="{BAFDAA47-D0D1-4E98-CCE2-C22311749F4A}"/>
          </ac:graphicFrameMkLst>
        </pc:graphicFrameChg>
        <pc:graphicFrameChg chg="add del mod modGraphic">
          <ac:chgData name="Suman Das" userId="48a07445-4675-4748-acc3-eb500a5ddf20" providerId="ADAL" clId="{A7784D3A-2DAC-4ED2-BB27-C8D48836B5C0}" dt="2025-05-27T04:01:25.703" v="504" actId="2166"/>
          <ac:graphicFrameMkLst>
            <pc:docMk/>
            <pc:sldMk cId="3500966635" sldId="261"/>
            <ac:graphicFrameMk id="8" creationId="{D0B3CD32-233B-4544-8B3A-FDD9AEE3E75E}"/>
          </ac:graphicFrameMkLst>
        </pc:graphicFrameChg>
        <pc:picChg chg="mod">
          <ac:chgData name="Suman Das" userId="48a07445-4675-4748-acc3-eb500a5ddf20" providerId="ADAL" clId="{A7784D3A-2DAC-4ED2-BB27-C8D48836B5C0}" dt="2025-05-27T04:02:38.954" v="508"/>
          <ac:picMkLst>
            <pc:docMk/>
            <pc:sldMk cId="3500966635" sldId="261"/>
            <ac:picMk id="13" creationId="{730DE9D6-477C-EA1E-E37E-1B9E6D32382B}"/>
          </ac:picMkLst>
        </pc:picChg>
        <pc:picChg chg="del">
          <ac:chgData name="Suman Das" userId="48a07445-4675-4748-acc3-eb500a5ddf20" providerId="ADAL" clId="{A7784D3A-2DAC-4ED2-BB27-C8D48836B5C0}" dt="2025-05-27T03:57:37.026" v="445" actId="478"/>
          <ac:picMkLst>
            <pc:docMk/>
            <pc:sldMk cId="3500966635" sldId="261"/>
            <ac:picMk id="15" creationId="{19F4F855-DEBE-8EA5-E633-5BD45BFD1C7F}"/>
          </ac:picMkLst>
        </pc:picChg>
        <pc:picChg chg="del">
          <ac:chgData name="Suman Das" userId="48a07445-4675-4748-acc3-eb500a5ddf20" providerId="ADAL" clId="{A7784D3A-2DAC-4ED2-BB27-C8D48836B5C0}" dt="2025-05-27T03:57:37.784" v="446" actId="478"/>
          <ac:picMkLst>
            <pc:docMk/>
            <pc:sldMk cId="3500966635" sldId="261"/>
            <ac:picMk id="17" creationId="{DDC6C153-F51C-2431-376E-74E14147A034}"/>
          </ac:picMkLst>
        </pc:picChg>
        <pc:picChg chg="del">
          <ac:chgData name="Suman Das" userId="48a07445-4675-4748-acc3-eb500a5ddf20" providerId="ADAL" clId="{A7784D3A-2DAC-4ED2-BB27-C8D48836B5C0}" dt="2025-05-27T03:57:38.336" v="447" actId="478"/>
          <ac:picMkLst>
            <pc:docMk/>
            <pc:sldMk cId="3500966635" sldId="261"/>
            <ac:picMk id="19" creationId="{AA2488C1-CA2C-3AC1-9D66-83FF8E909F94}"/>
          </ac:picMkLst>
        </pc:picChg>
        <pc:picChg chg="del">
          <ac:chgData name="Suman Das" userId="48a07445-4675-4748-acc3-eb500a5ddf20" providerId="ADAL" clId="{A7784D3A-2DAC-4ED2-BB27-C8D48836B5C0}" dt="2025-05-27T03:57:38.854" v="448" actId="478"/>
          <ac:picMkLst>
            <pc:docMk/>
            <pc:sldMk cId="3500966635" sldId="261"/>
            <ac:picMk id="21" creationId="{36EFA1EB-FA09-94D0-54CC-99F150910EB4}"/>
          </ac:picMkLst>
        </pc:picChg>
      </pc:sldChg>
      <pc:sldChg chg="addSp delSp modSp mod">
        <pc:chgData name="Suman Das" userId="48a07445-4675-4748-acc3-eb500a5ddf20" providerId="ADAL" clId="{A7784D3A-2DAC-4ED2-BB27-C8D48836B5C0}" dt="2025-05-28T09:01:19.538" v="2157" actId="207"/>
        <pc:sldMkLst>
          <pc:docMk/>
          <pc:sldMk cId="1236229107" sldId="262"/>
        </pc:sldMkLst>
        <pc:spChg chg="mod">
          <ac:chgData name="Suman Das" userId="48a07445-4675-4748-acc3-eb500a5ddf20" providerId="ADAL" clId="{A7784D3A-2DAC-4ED2-BB27-C8D48836B5C0}" dt="2025-05-27T08:44:57.244" v="1190" actId="1076"/>
          <ac:spMkLst>
            <pc:docMk/>
            <pc:sldMk cId="1236229107" sldId="262"/>
            <ac:spMk id="7" creationId="{4217663F-225F-2108-BE13-CB495E9B3461}"/>
          </ac:spMkLst>
        </pc:spChg>
        <pc:graphicFrameChg chg="del mod">
          <ac:chgData name="Suman Das" userId="48a07445-4675-4748-acc3-eb500a5ddf20" providerId="ADAL" clId="{A7784D3A-2DAC-4ED2-BB27-C8D48836B5C0}" dt="2025-05-27T08:40:31.846" v="1129" actId="478"/>
          <ac:graphicFrameMkLst>
            <pc:docMk/>
            <pc:sldMk cId="1236229107" sldId="262"/>
            <ac:graphicFrameMk id="5" creationId="{F7DB7AA5-F70A-656E-EBD4-70A4407664D9}"/>
          </ac:graphicFrameMkLst>
        </pc:graphicFrameChg>
        <pc:graphicFrameChg chg="add mod modGraphic">
          <ac:chgData name="Suman Das" userId="48a07445-4675-4748-acc3-eb500a5ddf20" providerId="ADAL" clId="{A7784D3A-2DAC-4ED2-BB27-C8D48836B5C0}" dt="2025-05-28T09:01:19.538" v="2157" actId="207"/>
          <ac:graphicFrameMkLst>
            <pc:docMk/>
            <pc:sldMk cId="1236229107" sldId="262"/>
            <ac:graphicFrameMk id="8" creationId="{11B69EAF-A810-B255-4882-AA17B269C801}"/>
          </ac:graphicFrameMkLst>
        </pc:graphicFrameChg>
      </pc:sldChg>
      <pc:sldChg chg="addSp delSp modSp mod">
        <pc:chgData name="Suman Das" userId="48a07445-4675-4748-acc3-eb500a5ddf20" providerId="ADAL" clId="{A7784D3A-2DAC-4ED2-BB27-C8D48836B5C0}" dt="2025-05-27T04:09:57.759" v="613" actId="1076"/>
        <pc:sldMkLst>
          <pc:docMk/>
          <pc:sldMk cId="3346335237" sldId="263"/>
        </pc:sldMkLst>
        <pc:spChg chg="add mod">
          <ac:chgData name="Suman Das" userId="48a07445-4675-4748-acc3-eb500a5ddf20" providerId="ADAL" clId="{A7784D3A-2DAC-4ED2-BB27-C8D48836B5C0}" dt="2025-05-27T04:09:57.759" v="613" actId="1076"/>
          <ac:spMkLst>
            <pc:docMk/>
            <pc:sldMk cId="3346335237" sldId="263"/>
            <ac:spMk id="4" creationId="{6C7768B5-9297-30D0-2B77-D76EB9D1E186}"/>
          </ac:spMkLst>
        </pc:spChg>
        <pc:spChg chg="add mod ord">
          <ac:chgData name="Suman Das" userId="48a07445-4675-4748-acc3-eb500a5ddf20" providerId="ADAL" clId="{A7784D3A-2DAC-4ED2-BB27-C8D48836B5C0}" dt="2025-05-27T04:09:46.016" v="611" actId="1076"/>
          <ac:spMkLst>
            <pc:docMk/>
            <pc:sldMk cId="3346335237" sldId="263"/>
            <ac:spMk id="5" creationId="{525D42C6-0963-A084-042F-59E4409CCF8C}"/>
          </ac:spMkLst>
        </pc:spChg>
        <pc:graphicFrameChg chg="mod modGraphic">
          <ac:chgData name="Suman Das" userId="48a07445-4675-4748-acc3-eb500a5ddf20" providerId="ADAL" clId="{A7784D3A-2DAC-4ED2-BB27-C8D48836B5C0}" dt="2025-05-27T04:09:54.898" v="612" actId="1076"/>
          <ac:graphicFrameMkLst>
            <pc:docMk/>
            <pc:sldMk cId="3346335237" sldId="263"/>
            <ac:graphicFrameMk id="3" creationId="{D36752CD-225B-05DA-9C37-C53AFE5337FB}"/>
          </ac:graphicFrameMkLst>
        </pc:graphicFrameChg>
        <pc:picChg chg="mod">
          <ac:chgData name="Suman Das" userId="48a07445-4675-4748-acc3-eb500a5ddf20" providerId="ADAL" clId="{A7784D3A-2DAC-4ED2-BB27-C8D48836B5C0}" dt="2025-05-27T04:09:19.195" v="604" actId="14100"/>
          <ac:picMkLst>
            <pc:docMk/>
            <pc:sldMk cId="3346335237" sldId="263"/>
            <ac:picMk id="6" creationId="{87AC5B25-C9E8-409D-A303-85F7E78FED0F}"/>
          </ac:picMkLst>
        </pc:picChg>
        <pc:picChg chg="mod">
          <ac:chgData name="Suman Das" userId="48a07445-4675-4748-acc3-eb500a5ddf20" providerId="ADAL" clId="{A7784D3A-2DAC-4ED2-BB27-C8D48836B5C0}" dt="2025-05-27T04:09:43.222" v="610" actId="14100"/>
          <ac:picMkLst>
            <pc:docMk/>
            <pc:sldMk cId="3346335237" sldId="263"/>
            <ac:picMk id="8" creationId="{2C3CFF74-A858-4614-E51A-6523400167AC}"/>
          </ac:picMkLst>
        </pc:picChg>
        <pc:picChg chg="del">
          <ac:chgData name="Suman Das" userId="48a07445-4675-4748-acc3-eb500a5ddf20" providerId="ADAL" clId="{A7784D3A-2DAC-4ED2-BB27-C8D48836B5C0}" dt="2025-05-27T04:06:42.891" v="547" actId="478"/>
          <ac:picMkLst>
            <pc:docMk/>
            <pc:sldMk cId="3346335237" sldId="263"/>
            <ac:picMk id="10" creationId="{23671CCD-F6B6-2357-FFD6-38D12671DD82}"/>
          </ac:picMkLst>
        </pc:picChg>
        <pc:picChg chg="del">
          <ac:chgData name="Suman Das" userId="48a07445-4675-4748-acc3-eb500a5ddf20" providerId="ADAL" clId="{A7784D3A-2DAC-4ED2-BB27-C8D48836B5C0}" dt="2025-05-27T04:06:37.439" v="542" actId="478"/>
          <ac:picMkLst>
            <pc:docMk/>
            <pc:sldMk cId="3346335237" sldId="263"/>
            <ac:picMk id="12" creationId="{76325798-5381-6231-DD0D-83D7BE1A87FC}"/>
          </ac:picMkLst>
        </pc:picChg>
        <pc:picChg chg="del">
          <ac:chgData name="Suman Das" userId="48a07445-4675-4748-acc3-eb500a5ddf20" providerId="ADAL" clId="{A7784D3A-2DAC-4ED2-BB27-C8D48836B5C0}" dt="2025-05-27T04:06:37.897" v="543" actId="478"/>
          <ac:picMkLst>
            <pc:docMk/>
            <pc:sldMk cId="3346335237" sldId="263"/>
            <ac:picMk id="14" creationId="{87D2B861-145E-08B2-114D-6EB367A95758}"/>
          </ac:picMkLst>
        </pc:picChg>
        <pc:picChg chg="del">
          <ac:chgData name="Suman Das" userId="48a07445-4675-4748-acc3-eb500a5ddf20" providerId="ADAL" clId="{A7784D3A-2DAC-4ED2-BB27-C8D48836B5C0}" dt="2025-05-27T04:06:38.942" v="544" actId="478"/>
          <ac:picMkLst>
            <pc:docMk/>
            <pc:sldMk cId="3346335237" sldId="263"/>
            <ac:picMk id="16" creationId="{D3C86D12-B1D4-A706-C863-9145E2284BA1}"/>
          </ac:picMkLst>
        </pc:picChg>
        <pc:picChg chg="del">
          <ac:chgData name="Suman Das" userId="48a07445-4675-4748-acc3-eb500a5ddf20" providerId="ADAL" clId="{A7784D3A-2DAC-4ED2-BB27-C8D48836B5C0}" dt="2025-05-27T04:06:36.838" v="541" actId="478"/>
          <ac:picMkLst>
            <pc:docMk/>
            <pc:sldMk cId="3346335237" sldId="263"/>
            <ac:picMk id="18" creationId="{4118855F-1030-6BA0-045B-C1AA64693D6B}"/>
          </ac:picMkLst>
        </pc:picChg>
      </pc:sldChg>
      <pc:sldChg chg="modSp mod">
        <pc:chgData name="Suman Das" userId="48a07445-4675-4748-acc3-eb500a5ddf20" providerId="ADAL" clId="{A7784D3A-2DAC-4ED2-BB27-C8D48836B5C0}" dt="2025-05-28T09:03:35.811" v="2217" actId="207"/>
        <pc:sldMkLst>
          <pc:docMk/>
          <pc:sldMk cId="2642081702" sldId="264"/>
        </pc:sldMkLst>
        <pc:graphicFrameChg chg="mod modGraphic">
          <ac:chgData name="Suman Das" userId="48a07445-4675-4748-acc3-eb500a5ddf20" providerId="ADAL" clId="{A7784D3A-2DAC-4ED2-BB27-C8D48836B5C0}" dt="2025-05-28T09:03:35.811" v="2217" actId="207"/>
          <ac:graphicFrameMkLst>
            <pc:docMk/>
            <pc:sldMk cId="2642081702" sldId="264"/>
            <ac:graphicFrameMk id="6" creationId="{D5AEA647-6828-F20A-FE12-DBF7E6C44A75}"/>
          </ac:graphicFrameMkLst>
        </pc:graphicFrameChg>
      </pc:sldChg>
      <pc:sldChg chg="del">
        <pc:chgData name="Suman Das" userId="48a07445-4675-4748-acc3-eb500a5ddf20" providerId="ADAL" clId="{A7784D3A-2DAC-4ED2-BB27-C8D48836B5C0}" dt="2025-05-27T04:17:06.167" v="619" actId="47"/>
        <pc:sldMkLst>
          <pc:docMk/>
          <pc:sldMk cId="3293854493" sldId="265"/>
        </pc:sldMkLst>
      </pc:sldChg>
      <pc:sldChg chg="del">
        <pc:chgData name="Suman Das" userId="48a07445-4675-4748-acc3-eb500a5ddf20" providerId="ADAL" clId="{A7784D3A-2DAC-4ED2-BB27-C8D48836B5C0}" dt="2025-05-27T04:17:06.167" v="619" actId="47"/>
        <pc:sldMkLst>
          <pc:docMk/>
          <pc:sldMk cId="3358681761" sldId="266"/>
        </pc:sldMkLst>
      </pc:sldChg>
      <pc:sldChg chg="del">
        <pc:chgData name="Suman Das" userId="48a07445-4675-4748-acc3-eb500a5ddf20" providerId="ADAL" clId="{A7784D3A-2DAC-4ED2-BB27-C8D48836B5C0}" dt="2025-05-27T04:17:06.167" v="619" actId="47"/>
        <pc:sldMkLst>
          <pc:docMk/>
          <pc:sldMk cId="905554879" sldId="267"/>
        </pc:sldMkLst>
      </pc:sldChg>
      <pc:sldChg chg="del">
        <pc:chgData name="Suman Das" userId="48a07445-4675-4748-acc3-eb500a5ddf20" providerId="ADAL" clId="{A7784D3A-2DAC-4ED2-BB27-C8D48836B5C0}" dt="2025-05-27T04:17:06.167" v="619" actId="47"/>
        <pc:sldMkLst>
          <pc:docMk/>
          <pc:sldMk cId="1804334775" sldId="268"/>
        </pc:sldMkLst>
      </pc:sldChg>
      <pc:sldChg chg="del">
        <pc:chgData name="Suman Das" userId="48a07445-4675-4748-acc3-eb500a5ddf20" providerId="ADAL" clId="{A7784D3A-2DAC-4ED2-BB27-C8D48836B5C0}" dt="2025-05-27T04:17:06.167" v="619" actId="47"/>
        <pc:sldMkLst>
          <pc:docMk/>
          <pc:sldMk cId="3281852010" sldId="270"/>
        </pc:sldMkLst>
      </pc:sldChg>
      <pc:sldChg chg="ord">
        <pc:chgData name="Suman Das" userId="48a07445-4675-4748-acc3-eb500a5ddf20" providerId="ADAL" clId="{A7784D3A-2DAC-4ED2-BB27-C8D48836B5C0}" dt="2025-05-28T04:11:45.263" v="1752"/>
        <pc:sldMkLst>
          <pc:docMk/>
          <pc:sldMk cId="4261824373" sldId="271"/>
        </pc:sldMkLst>
      </pc:sldChg>
      <pc:sldChg chg="addSp delSp modSp mod">
        <pc:chgData name="Suman Das" userId="48a07445-4675-4748-acc3-eb500a5ddf20" providerId="ADAL" clId="{A7784D3A-2DAC-4ED2-BB27-C8D48836B5C0}" dt="2025-05-27T08:55:09.711" v="1264" actId="207"/>
        <pc:sldMkLst>
          <pc:docMk/>
          <pc:sldMk cId="1390415518" sldId="272"/>
        </pc:sldMkLst>
        <pc:spChg chg="mod">
          <ac:chgData name="Suman Das" userId="48a07445-4675-4748-acc3-eb500a5ddf20" providerId="ADAL" clId="{A7784D3A-2DAC-4ED2-BB27-C8D48836B5C0}" dt="2025-05-27T03:53:46.459" v="440" actId="1076"/>
          <ac:spMkLst>
            <pc:docMk/>
            <pc:sldMk cId="1390415518" sldId="272"/>
            <ac:spMk id="459" creationId="{A369A87E-23D0-FD5F-5F36-C30B777DADB8}"/>
          </ac:spMkLst>
        </pc:spChg>
        <pc:graphicFrameChg chg="add del mod">
          <ac:chgData name="Suman Das" userId="48a07445-4675-4748-acc3-eb500a5ddf20" providerId="ADAL" clId="{A7784D3A-2DAC-4ED2-BB27-C8D48836B5C0}" dt="2025-05-27T03:49:57.445" v="420" actId="478"/>
          <ac:graphicFrameMkLst>
            <pc:docMk/>
            <pc:sldMk cId="1390415518" sldId="272"/>
            <ac:graphicFrameMk id="2" creationId="{80BC4926-3B57-40D8-2D73-7142A1632EA8}"/>
          </ac:graphicFrameMkLst>
        </pc:graphicFrameChg>
        <pc:graphicFrameChg chg="mod modGraphic">
          <ac:chgData name="Suman Das" userId="48a07445-4675-4748-acc3-eb500a5ddf20" providerId="ADAL" clId="{A7784D3A-2DAC-4ED2-BB27-C8D48836B5C0}" dt="2025-05-27T08:55:09.711" v="1264" actId="207"/>
          <ac:graphicFrameMkLst>
            <pc:docMk/>
            <pc:sldMk cId="1390415518" sldId="272"/>
            <ac:graphicFrameMk id="402" creationId="{517DB3D8-4578-A3C4-E8EB-EB531C2997D9}"/>
          </ac:graphicFrameMkLst>
        </pc:graphicFrameChg>
        <pc:picChg chg="add mod">
          <ac:chgData name="Suman Das" userId="48a07445-4675-4748-acc3-eb500a5ddf20" providerId="ADAL" clId="{A7784D3A-2DAC-4ED2-BB27-C8D48836B5C0}" dt="2025-05-27T03:48:58.891" v="406" actId="1076"/>
          <ac:picMkLst>
            <pc:docMk/>
            <pc:sldMk cId="1390415518" sldId="272"/>
            <ac:picMk id="3" creationId="{419D243D-8244-7025-3913-41BF47C5670F}"/>
          </ac:picMkLst>
        </pc:picChg>
        <pc:picChg chg="add mod">
          <ac:chgData name="Suman Das" userId="48a07445-4675-4748-acc3-eb500a5ddf20" providerId="ADAL" clId="{A7784D3A-2DAC-4ED2-BB27-C8D48836B5C0}" dt="2025-05-27T03:49:04.619" v="408" actId="1076"/>
          <ac:picMkLst>
            <pc:docMk/>
            <pc:sldMk cId="1390415518" sldId="272"/>
            <ac:picMk id="4" creationId="{D6A13C7A-2C4D-A660-4B96-7E430347190F}"/>
          </ac:picMkLst>
        </pc:picChg>
        <pc:picChg chg="del mod">
          <ac:chgData name="Suman Das" userId="48a07445-4675-4748-acc3-eb500a5ddf20" providerId="ADAL" clId="{A7784D3A-2DAC-4ED2-BB27-C8D48836B5C0}" dt="2025-05-27T03:48:54.640" v="403" actId="478"/>
          <ac:picMkLst>
            <pc:docMk/>
            <pc:sldMk cId="1390415518" sldId="272"/>
            <ac:picMk id="8" creationId="{5E104E2E-B8B3-3158-29B5-308EDA4C14A0}"/>
          </ac:picMkLst>
        </pc:picChg>
        <pc:picChg chg="del mod">
          <ac:chgData name="Suman Das" userId="48a07445-4675-4748-acc3-eb500a5ddf20" providerId="ADAL" clId="{A7784D3A-2DAC-4ED2-BB27-C8D48836B5C0}" dt="2025-05-27T03:49:05.926" v="409" actId="478"/>
          <ac:picMkLst>
            <pc:docMk/>
            <pc:sldMk cId="1390415518" sldId="272"/>
            <ac:picMk id="13" creationId="{02016857-0BED-17B0-687B-DB8ACAACCD8D}"/>
          </ac:picMkLst>
        </pc:picChg>
        <pc:cxnChg chg="del">
          <ac:chgData name="Suman Das" userId="48a07445-4675-4748-acc3-eb500a5ddf20" providerId="ADAL" clId="{A7784D3A-2DAC-4ED2-BB27-C8D48836B5C0}" dt="2025-05-27T03:49:07.963" v="411" actId="478"/>
          <ac:cxnSpMkLst>
            <pc:docMk/>
            <pc:sldMk cId="1390415518" sldId="272"/>
            <ac:cxnSpMk id="7" creationId="{E8B9F49A-F0DE-FD53-AFB5-70AF6A4DE2FE}"/>
          </ac:cxnSpMkLst>
        </pc:cxnChg>
        <pc:cxnChg chg="del">
          <ac:chgData name="Suman Das" userId="48a07445-4675-4748-acc3-eb500a5ddf20" providerId="ADAL" clId="{A7784D3A-2DAC-4ED2-BB27-C8D48836B5C0}" dt="2025-05-27T03:49:07.364" v="410" actId="478"/>
          <ac:cxnSpMkLst>
            <pc:docMk/>
            <pc:sldMk cId="1390415518" sldId="272"/>
            <ac:cxnSpMk id="9" creationId="{FF566751-A790-8F9D-24DD-77B4568E8ADC}"/>
          </ac:cxnSpMkLst>
        </pc:cxnChg>
        <pc:cxnChg chg="add">
          <ac:chgData name="Suman Das" userId="48a07445-4675-4748-acc3-eb500a5ddf20" providerId="ADAL" clId="{A7784D3A-2DAC-4ED2-BB27-C8D48836B5C0}" dt="2025-05-27T03:49:22.396" v="412" actId="11529"/>
          <ac:cxnSpMkLst>
            <pc:docMk/>
            <pc:sldMk cId="1390415518" sldId="272"/>
            <ac:cxnSpMk id="10" creationId="{5CFD22E9-5F62-522E-AD62-3A04E013EA5E}"/>
          </ac:cxnSpMkLst>
        </pc:cxnChg>
        <pc:cxnChg chg="add mod">
          <ac:chgData name="Suman Das" userId="48a07445-4675-4748-acc3-eb500a5ddf20" providerId="ADAL" clId="{A7784D3A-2DAC-4ED2-BB27-C8D48836B5C0}" dt="2025-05-27T03:49:29.001" v="417" actId="1038"/>
          <ac:cxnSpMkLst>
            <pc:docMk/>
            <pc:sldMk cId="1390415518" sldId="272"/>
            <ac:cxnSpMk id="11" creationId="{6C987FED-DE7C-131A-3B21-4288300CDE51}"/>
          </ac:cxnSpMkLst>
        </pc:cxnChg>
      </pc:sldChg>
      <pc:sldChg chg="del">
        <pc:chgData name="Suman Das" userId="48a07445-4675-4748-acc3-eb500a5ddf20" providerId="ADAL" clId="{A7784D3A-2DAC-4ED2-BB27-C8D48836B5C0}" dt="2025-05-27T04:17:06.167" v="619" actId="47"/>
        <pc:sldMkLst>
          <pc:docMk/>
          <pc:sldMk cId="2916484570" sldId="273"/>
        </pc:sldMkLst>
      </pc:sldChg>
      <pc:sldChg chg="modSp del mod">
        <pc:chgData name="Suman Das" userId="48a07445-4675-4748-acc3-eb500a5ddf20" providerId="ADAL" clId="{A7784D3A-2DAC-4ED2-BB27-C8D48836B5C0}" dt="2025-05-27T04:17:57.482" v="631" actId="47"/>
        <pc:sldMkLst>
          <pc:docMk/>
          <pc:sldMk cId="1686927188" sldId="274"/>
        </pc:sldMkLst>
        <pc:spChg chg="mod">
          <ac:chgData name="Suman Das" userId="48a07445-4675-4748-acc3-eb500a5ddf20" providerId="ADAL" clId="{A7784D3A-2DAC-4ED2-BB27-C8D48836B5C0}" dt="2025-05-27T04:17:48.214" v="629" actId="5793"/>
          <ac:spMkLst>
            <pc:docMk/>
            <pc:sldMk cId="1686927188" sldId="274"/>
            <ac:spMk id="3" creationId="{A4252FF7-D9E4-D7F4-835F-5CCF185975D1}"/>
          </ac:spMkLst>
        </pc:spChg>
      </pc:sldChg>
      <pc:sldChg chg="addSp delSp modSp add mod">
        <pc:chgData name="Suman Das" userId="48a07445-4675-4748-acc3-eb500a5ddf20" providerId="ADAL" clId="{A7784D3A-2DAC-4ED2-BB27-C8D48836B5C0}" dt="2025-05-27T04:04:53.630" v="536" actId="1076"/>
        <pc:sldMkLst>
          <pc:docMk/>
          <pc:sldMk cId="3512443429" sldId="275"/>
        </pc:sldMkLst>
        <pc:spChg chg="mod">
          <ac:chgData name="Suman Das" userId="48a07445-4675-4748-acc3-eb500a5ddf20" providerId="ADAL" clId="{A7784D3A-2DAC-4ED2-BB27-C8D48836B5C0}" dt="2025-05-27T04:03:51.553" v="525" actId="20577"/>
          <ac:spMkLst>
            <pc:docMk/>
            <pc:sldMk cId="3512443429" sldId="275"/>
            <ac:spMk id="2" creationId="{5321122D-867D-8C91-E60B-67E67A0E5E06}"/>
          </ac:spMkLst>
        </pc:spChg>
        <pc:spChg chg="mod ord">
          <ac:chgData name="Suman Das" userId="48a07445-4675-4748-acc3-eb500a5ddf20" providerId="ADAL" clId="{A7784D3A-2DAC-4ED2-BB27-C8D48836B5C0}" dt="2025-05-27T04:04:53.630" v="536" actId="1076"/>
          <ac:spMkLst>
            <pc:docMk/>
            <pc:sldMk cId="3512443429" sldId="275"/>
            <ac:spMk id="4" creationId="{4DD18472-72D9-4FE1-96CB-F087A0EC0933}"/>
          </ac:spMkLst>
        </pc:spChg>
        <pc:picChg chg="add mod">
          <ac:chgData name="Suman Das" userId="48a07445-4675-4748-acc3-eb500a5ddf20" providerId="ADAL" clId="{A7784D3A-2DAC-4ED2-BB27-C8D48836B5C0}" dt="2025-05-27T04:04:42.414" v="533" actId="14100"/>
          <ac:picMkLst>
            <pc:docMk/>
            <pc:sldMk cId="3512443429" sldId="275"/>
            <ac:picMk id="3" creationId="{7221276A-6BC2-A99F-AD7A-98F032061240}"/>
          </ac:picMkLst>
        </pc:picChg>
        <pc:picChg chg="del">
          <ac:chgData name="Suman Das" userId="48a07445-4675-4748-acc3-eb500a5ddf20" providerId="ADAL" clId="{A7784D3A-2DAC-4ED2-BB27-C8D48836B5C0}" dt="2025-05-27T04:04:04.772" v="526" actId="478"/>
          <ac:picMkLst>
            <pc:docMk/>
            <pc:sldMk cId="3512443429" sldId="275"/>
            <ac:picMk id="13" creationId="{E3182A2D-EFC5-2433-18D3-98326D4625BF}"/>
          </ac:picMkLst>
        </pc:picChg>
      </pc:sldChg>
      <pc:sldChg chg="addSp delSp modSp new del mod">
        <pc:chgData name="Suman Das" userId="48a07445-4675-4748-acc3-eb500a5ddf20" providerId="ADAL" clId="{A7784D3A-2DAC-4ED2-BB27-C8D48836B5C0}" dt="2025-05-27T08:45:56.513" v="1193" actId="2696"/>
        <pc:sldMkLst>
          <pc:docMk/>
          <pc:sldMk cId="880751441" sldId="276"/>
        </pc:sldMkLst>
        <pc:spChg chg="add del mod">
          <ac:chgData name="Suman Das" userId="48a07445-4675-4748-acc3-eb500a5ddf20" providerId="ADAL" clId="{A7784D3A-2DAC-4ED2-BB27-C8D48836B5C0}" dt="2025-05-27T08:34:51.378" v="1035" actId="21"/>
          <ac:spMkLst>
            <pc:docMk/>
            <pc:sldMk cId="880751441" sldId="276"/>
            <ac:spMk id="2" creationId="{78D3C7DA-BA33-5BCD-CEC6-655C773C938B}"/>
          </ac:spMkLst>
        </pc:spChg>
        <pc:spChg chg="add del mod">
          <ac:chgData name="Suman Das" userId="48a07445-4675-4748-acc3-eb500a5ddf20" providerId="ADAL" clId="{A7784D3A-2DAC-4ED2-BB27-C8D48836B5C0}" dt="2025-05-27T08:37:29.092" v="1109" actId="478"/>
          <ac:spMkLst>
            <pc:docMk/>
            <pc:sldMk cId="880751441" sldId="276"/>
            <ac:spMk id="6" creationId="{EA0B58F7-8438-0EEE-194F-74B1FDD73B06}"/>
          </ac:spMkLst>
        </pc:spChg>
        <pc:spChg chg="add del mod">
          <ac:chgData name="Suman Das" userId="48a07445-4675-4748-acc3-eb500a5ddf20" providerId="ADAL" clId="{A7784D3A-2DAC-4ED2-BB27-C8D48836B5C0}" dt="2025-05-27T08:36:52.847" v="1060"/>
          <ac:spMkLst>
            <pc:docMk/>
            <pc:sldMk cId="880751441" sldId="276"/>
            <ac:spMk id="9" creationId="{5855B881-EEF7-86F7-F830-09C2669B68F3}"/>
          </ac:spMkLst>
        </pc:spChg>
        <pc:spChg chg="add mod">
          <ac:chgData name="Suman Das" userId="48a07445-4675-4748-acc3-eb500a5ddf20" providerId="ADAL" clId="{A7784D3A-2DAC-4ED2-BB27-C8D48836B5C0}" dt="2025-05-27T08:44:27.093" v="1189" actId="1076"/>
          <ac:spMkLst>
            <pc:docMk/>
            <pc:sldMk cId="880751441" sldId="276"/>
            <ac:spMk id="10" creationId="{8221D021-10F2-52A3-A783-7AA989EA08C8}"/>
          </ac:spMkLst>
        </pc:spChg>
        <pc:graphicFrameChg chg="add mod">
          <ac:chgData name="Suman Das" userId="48a07445-4675-4748-acc3-eb500a5ddf20" providerId="ADAL" clId="{A7784D3A-2DAC-4ED2-BB27-C8D48836B5C0}" dt="2025-05-27T04:26:21.494" v="712"/>
          <ac:graphicFrameMkLst>
            <pc:docMk/>
            <pc:sldMk cId="880751441" sldId="276"/>
            <ac:graphicFrameMk id="3" creationId="{682DFCB6-F4F5-BB12-1A9A-8232BCE7B8BB}"/>
          </ac:graphicFrameMkLst>
        </pc:graphicFrameChg>
        <pc:graphicFrameChg chg="add del mod modGraphic">
          <ac:chgData name="Suman Das" userId="48a07445-4675-4748-acc3-eb500a5ddf20" providerId="ADAL" clId="{A7784D3A-2DAC-4ED2-BB27-C8D48836B5C0}" dt="2025-05-27T08:18:26.807" v="878" actId="478"/>
          <ac:graphicFrameMkLst>
            <pc:docMk/>
            <pc:sldMk cId="880751441" sldId="276"/>
            <ac:graphicFrameMk id="4" creationId="{51AC47EB-2608-EDE1-1942-68C9BC87886F}"/>
          </ac:graphicFrameMkLst>
        </pc:graphicFrameChg>
        <pc:graphicFrameChg chg="add del mod modGraphic">
          <ac:chgData name="Suman Das" userId="48a07445-4675-4748-acc3-eb500a5ddf20" providerId="ADAL" clId="{A7784D3A-2DAC-4ED2-BB27-C8D48836B5C0}" dt="2025-05-27T08:37:37.196" v="1112" actId="14100"/>
          <ac:graphicFrameMkLst>
            <pc:docMk/>
            <pc:sldMk cId="880751441" sldId="276"/>
            <ac:graphicFrameMk id="7" creationId="{9D52BFA4-6603-CA41-E5BE-E5FA46EFBCE0}"/>
          </ac:graphicFrameMkLst>
        </pc:graphicFrameChg>
        <pc:picChg chg="add del mod">
          <ac:chgData name="Suman Das" userId="48a07445-4675-4748-acc3-eb500a5ddf20" providerId="ADAL" clId="{A7784D3A-2DAC-4ED2-BB27-C8D48836B5C0}" dt="2025-05-27T08:18:22.140" v="877" actId="478"/>
          <ac:picMkLst>
            <pc:docMk/>
            <pc:sldMk cId="880751441" sldId="276"/>
            <ac:picMk id="5" creationId="{81090D68-D1FB-C669-1F3A-6093FCBF6974}"/>
          </ac:picMkLst>
        </pc:picChg>
        <pc:picChg chg="add mod">
          <ac:chgData name="Suman Das" userId="48a07445-4675-4748-acc3-eb500a5ddf20" providerId="ADAL" clId="{A7784D3A-2DAC-4ED2-BB27-C8D48836B5C0}" dt="2025-05-27T08:37:40.967" v="1113" actId="1076"/>
          <ac:picMkLst>
            <pc:docMk/>
            <pc:sldMk cId="880751441" sldId="276"/>
            <ac:picMk id="8" creationId="{81090D68-D1FB-C669-1F3A-6093FCBF6974}"/>
          </ac:picMkLst>
        </pc:picChg>
      </pc:sldChg>
      <pc:sldChg chg="add del">
        <pc:chgData name="Suman Das" userId="48a07445-4675-4748-acc3-eb500a5ddf20" providerId="ADAL" clId="{A7784D3A-2DAC-4ED2-BB27-C8D48836B5C0}" dt="2025-05-27T04:17:57.482" v="631" actId="47"/>
        <pc:sldMkLst>
          <pc:docMk/>
          <pc:sldMk cId="1029919383" sldId="276"/>
        </pc:sldMkLst>
      </pc:sldChg>
      <pc:sldChg chg="addSp delSp modSp new mod ord">
        <pc:chgData name="Suman Das" userId="48a07445-4675-4748-acc3-eb500a5ddf20" providerId="ADAL" clId="{A7784D3A-2DAC-4ED2-BB27-C8D48836B5C0}" dt="2025-05-28T08:30:53.857" v="2062" actId="207"/>
        <pc:sldMkLst>
          <pc:docMk/>
          <pc:sldMk cId="1287987967" sldId="277"/>
        </pc:sldMkLst>
        <pc:spChg chg="del">
          <ac:chgData name="Suman Das" userId="48a07445-4675-4748-acc3-eb500a5ddf20" providerId="ADAL" clId="{A7784D3A-2DAC-4ED2-BB27-C8D48836B5C0}" dt="2025-05-27T08:09:19.140" v="815" actId="478"/>
          <ac:spMkLst>
            <pc:docMk/>
            <pc:sldMk cId="1287987967" sldId="277"/>
            <ac:spMk id="2" creationId="{2436129B-B152-7F11-8C0B-7516C6B79D58}"/>
          </ac:spMkLst>
        </pc:spChg>
        <pc:spChg chg="del">
          <ac:chgData name="Suman Das" userId="48a07445-4675-4748-acc3-eb500a5ddf20" providerId="ADAL" clId="{A7784D3A-2DAC-4ED2-BB27-C8D48836B5C0}" dt="2025-05-27T08:09:20.229" v="816" actId="478"/>
          <ac:spMkLst>
            <pc:docMk/>
            <pc:sldMk cId="1287987967" sldId="277"/>
            <ac:spMk id="3" creationId="{7EBAD662-8669-0B5B-FFBD-5AFF2035B906}"/>
          </ac:spMkLst>
        </pc:spChg>
        <pc:spChg chg="add mod">
          <ac:chgData name="Suman Das" userId="48a07445-4675-4748-acc3-eb500a5ddf20" providerId="ADAL" clId="{A7784D3A-2DAC-4ED2-BB27-C8D48836B5C0}" dt="2025-05-27T08:34:50.533" v="1033" actId="1076"/>
          <ac:spMkLst>
            <pc:docMk/>
            <pc:sldMk cId="1287987967" sldId="277"/>
            <ac:spMk id="6" creationId="{83B0449F-1097-0C8F-F0FB-08D38747D2F6}"/>
          </ac:spMkLst>
        </pc:spChg>
        <pc:graphicFrameChg chg="add del mod">
          <ac:chgData name="Suman Das" userId="48a07445-4675-4748-acc3-eb500a5ddf20" providerId="ADAL" clId="{A7784D3A-2DAC-4ED2-BB27-C8D48836B5C0}" dt="2025-05-27T08:29:47.289" v="919" actId="478"/>
          <ac:graphicFrameMkLst>
            <pc:docMk/>
            <pc:sldMk cId="1287987967" sldId="277"/>
            <ac:graphicFrameMk id="4" creationId="{E9D9A100-EB80-A91A-EE08-68BD48D1A2D0}"/>
          </ac:graphicFrameMkLst>
        </pc:graphicFrameChg>
        <pc:graphicFrameChg chg="add del mod">
          <ac:chgData name="Suman Das" userId="48a07445-4675-4748-acc3-eb500a5ddf20" providerId="ADAL" clId="{A7784D3A-2DAC-4ED2-BB27-C8D48836B5C0}" dt="2025-05-27T08:35:47.727" v="1048" actId="478"/>
          <ac:graphicFrameMkLst>
            <pc:docMk/>
            <pc:sldMk cId="1287987967" sldId="277"/>
            <ac:graphicFrameMk id="5" creationId="{091B8467-B356-B165-2D18-D62CE9F6CA17}"/>
          </ac:graphicFrameMkLst>
        </pc:graphicFrameChg>
        <pc:graphicFrameChg chg="add mod modGraphic">
          <ac:chgData name="Suman Das" userId="48a07445-4675-4748-acc3-eb500a5ddf20" providerId="ADAL" clId="{A7784D3A-2DAC-4ED2-BB27-C8D48836B5C0}" dt="2025-05-28T08:30:53.857" v="2062" actId="207"/>
          <ac:graphicFrameMkLst>
            <pc:docMk/>
            <pc:sldMk cId="1287987967" sldId="277"/>
            <ac:graphicFrameMk id="7" creationId="{0FA1FCBB-AB3E-0F01-703F-65A5085132D8}"/>
          </ac:graphicFrameMkLst>
        </pc:graphicFrameChg>
      </pc:sldChg>
      <pc:sldChg chg="addSp delSp modSp new del mod">
        <pc:chgData name="Suman Das" userId="48a07445-4675-4748-acc3-eb500a5ddf20" providerId="ADAL" clId="{A7784D3A-2DAC-4ED2-BB27-C8D48836B5C0}" dt="2025-05-27T08:46:02.678" v="1194" actId="2696"/>
        <pc:sldMkLst>
          <pc:docMk/>
          <pc:sldMk cId="1474545796" sldId="278"/>
        </pc:sldMkLst>
        <pc:spChg chg="add del mod">
          <ac:chgData name="Suman Das" userId="48a07445-4675-4748-acc3-eb500a5ddf20" providerId="ADAL" clId="{A7784D3A-2DAC-4ED2-BB27-C8D48836B5C0}" dt="2025-05-27T08:39:53.699" v="1128" actId="478"/>
          <ac:spMkLst>
            <pc:docMk/>
            <pc:sldMk cId="1474545796" sldId="278"/>
            <ac:spMk id="2" creationId="{DB68623D-2603-11ED-0ED2-EFC77B49EC07}"/>
          </ac:spMkLst>
        </pc:spChg>
      </pc:sldChg>
      <pc:sldChg chg="addSp delSp modSp new mod ord">
        <pc:chgData name="Suman Das" userId="48a07445-4675-4748-acc3-eb500a5ddf20" providerId="ADAL" clId="{A7784D3A-2DAC-4ED2-BB27-C8D48836B5C0}" dt="2025-05-28T08:30:34.912" v="2060" actId="207"/>
        <pc:sldMkLst>
          <pc:docMk/>
          <pc:sldMk cId="1365558182" sldId="279"/>
        </pc:sldMkLst>
        <pc:spChg chg="add del mod">
          <ac:chgData name="Suman Das" userId="48a07445-4675-4748-acc3-eb500a5ddf20" providerId="ADAL" clId="{A7784D3A-2DAC-4ED2-BB27-C8D48836B5C0}" dt="2025-05-27T08:28:16.193" v="918"/>
          <ac:spMkLst>
            <pc:docMk/>
            <pc:sldMk cId="1365558182" sldId="279"/>
            <ac:spMk id="2" creationId="{DA995874-B45D-D336-AD59-02F0D64FF26C}"/>
          </ac:spMkLst>
        </pc:spChg>
        <pc:spChg chg="add mod">
          <ac:chgData name="Suman Das" userId="48a07445-4675-4748-acc3-eb500a5ddf20" providerId="ADAL" clId="{A7784D3A-2DAC-4ED2-BB27-C8D48836B5C0}" dt="2025-05-27T08:34:55.599" v="1045" actId="115"/>
          <ac:spMkLst>
            <pc:docMk/>
            <pc:sldMk cId="1365558182" sldId="279"/>
            <ac:spMk id="3" creationId="{78D3C7DA-BA33-5BCD-CEC6-655C773C938B}"/>
          </ac:spMkLst>
        </pc:spChg>
        <pc:graphicFrameChg chg="add del mod">
          <ac:chgData name="Suman Das" userId="48a07445-4675-4748-acc3-eb500a5ddf20" providerId="ADAL" clId="{A7784D3A-2DAC-4ED2-BB27-C8D48836B5C0}" dt="2025-05-27T08:34:53.514" v="1041" actId="478"/>
          <ac:graphicFrameMkLst>
            <pc:docMk/>
            <pc:sldMk cId="1365558182" sldId="279"/>
            <ac:graphicFrameMk id="4" creationId="{F1AFE99D-F004-F176-0575-2575B209F3AB}"/>
          </ac:graphicFrameMkLst>
        </pc:graphicFrameChg>
        <pc:graphicFrameChg chg="add mod modGraphic">
          <ac:chgData name="Suman Das" userId="48a07445-4675-4748-acc3-eb500a5ddf20" providerId="ADAL" clId="{A7784D3A-2DAC-4ED2-BB27-C8D48836B5C0}" dt="2025-05-28T08:30:34.912" v="2060" actId="207"/>
          <ac:graphicFrameMkLst>
            <pc:docMk/>
            <pc:sldMk cId="1365558182" sldId="279"/>
            <ac:graphicFrameMk id="5" creationId="{3C8947D0-DE76-D229-9FC2-43713AEA5BCC}"/>
          </ac:graphicFrameMkLst>
        </pc:graphicFrameChg>
      </pc:sldChg>
      <pc:sldChg chg="modSp new mod">
        <pc:chgData name="Suman Das" userId="48a07445-4675-4748-acc3-eb500a5ddf20" providerId="ADAL" clId="{A7784D3A-2DAC-4ED2-BB27-C8D48836B5C0}" dt="2025-05-28T02:47:03.899" v="1292" actId="1076"/>
        <pc:sldMkLst>
          <pc:docMk/>
          <pc:sldMk cId="79580180" sldId="280"/>
        </pc:sldMkLst>
        <pc:spChg chg="mod">
          <ac:chgData name="Suman Das" userId="48a07445-4675-4748-acc3-eb500a5ddf20" providerId="ADAL" clId="{A7784D3A-2DAC-4ED2-BB27-C8D48836B5C0}" dt="2025-05-28T02:47:03.899" v="1292" actId="1076"/>
          <ac:spMkLst>
            <pc:docMk/>
            <pc:sldMk cId="79580180" sldId="280"/>
            <ac:spMk id="2" creationId="{FC032944-B2EE-855D-3ADD-62452FD5205E}"/>
          </ac:spMkLst>
        </pc:spChg>
      </pc:sldChg>
      <pc:sldChg chg="new del">
        <pc:chgData name="Suman Das" userId="48a07445-4675-4748-acc3-eb500a5ddf20" providerId="ADAL" clId="{A7784D3A-2DAC-4ED2-BB27-C8D48836B5C0}" dt="2025-05-27T09:18:16.280" v="1267" actId="47"/>
        <pc:sldMkLst>
          <pc:docMk/>
          <pc:sldMk cId="1294392458" sldId="280"/>
        </pc:sldMkLst>
      </pc:sldChg>
      <pc:sldChg chg="addSp delSp modSp new del mod">
        <pc:chgData name="Suman Das" userId="48a07445-4675-4748-acc3-eb500a5ddf20" providerId="ADAL" clId="{A7784D3A-2DAC-4ED2-BB27-C8D48836B5C0}" dt="2025-05-28T03:25:23.803" v="1457" actId="2696"/>
        <pc:sldMkLst>
          <pc:docMk/>
          <pc:sldMk cId="2097680263" sldId="281"/>
        </pc:sldMkLst>
        <pc:spChg chg="del">
          <ac:chgData name="Suman Das" userId="48a07445-4675-4748-acc3-eb500a5ddf20" providerId="ADAL" clId="{A7784D3A-2DAC-4ED2-BB27-C8D48836B5C0}" dt="2025-05-28T02:47:10.807" v="1294" actId="478"/>
          <ac:spMkLst>
            <pc:docMk/>
            <pc:sldMk cId="2097680263" sldId="281"/>
            <ac:spMk id="2" creationId="{8B997117-435C-EE07-07DC-93C4CB56A556}"/>
          </ac:spMkLst>
        </pc:spChg>
        <pc:spChg chg="add mod">
          <ac:chgData name="Suman Das" userId="48a07445-4675-4748-acc3-eb500a5ddf20" providerId="ADAL" clId="{A7784D3A-2DAC-4ED2-BB27-C8D48836B5C0}" dt="2025-05-28T03:21:46.614" v="1396" actId="20577"/>
          <ac:spMkLst>
            <pc:docMk/>
            <pc:sldMk cId="2097680263" sldId="281"/>
            <ac:spMk id="4" creationId="{9551449C-D5F7-EB21-D0B4-DA4FBF8975B7}"/>
          </ac:spMkLst>
        </pc:spChg>
        <pc:graphicFrameChg chg="add del mod">
          <ac:chgData name="Suman Das" userId="48a07445-4675-4748-acc3-eb500a5ddf20" providerId="ADAL" clId="{A7784D3A-2DAC-4ED2-BB27-C8D48836B5C0}" dt="2025-05-28T03:22:07.697" v="1398" actId="21"/>
          <ac:graphicFrameMkLst>
            <pc:docMk/>
            <pc:sldMk cId="2097680263" sldId="281"/>
            <ac:graphicFrameMk id="3" creationId="{E2CA6744-EBD5-B1E4-BAD9-A369959ACE30}"/>
          </ac:graphicFrameMkLst>
        </pc:graphicFrameChg>
        <pc:picChg chg="add mod">
          <ac:chgData name="Suman Das" userId="48a07445-4675-4748-acc3-eb500a5ddf20" providerId="ADAL" clId="{A7784D3A-2DAC-4ED2-BB27-C8D48836B5C0}" dt="2025-05-28T02:57:49.432" v="1355" actId="1076"/>
          <ac:picMkLst>
            <pc:docMk/>
            <pc:sldMk cId="2097680263" sldId="281"/>
            <ac:picMk id="2049" creationId="{7B465036-C710-6A93-6A3D-40BF18A68C49}"/>
          </ac:picMkLst>
        </pc:picChg>
        <pc:picChg chg="add mod">
          <ac:chgData name="Suman Das" userId="48a07445-4675-4748-acc3-eb500a5ddf20" providerId="ADAL" clId="{A7784D3A-2DAC-4ED2-BB27-C8D48836B5C0}" dt="2025-05-28T02:57:47.568" v="1354" actId="1076"/>
          <ac:picMkLst>
            <pc:docMk/>
            <pc:sldMk cId="2097680263" sldId="281"/>
            <ac:picMk id="2050" creationId="{1C73D8D9-5422-E6A7-9498-37700ECD993C}"/>
          </ac:picMkLst>
        </pc:picChg>
      </pc:sldChg>
      <pc:sldChg chg="addSp modSp new mod">
        <pc:chgData name="Suman Das" userId="48a07445-4675-4748-acc3-eb500a5ddf20" providerId="ADAL" clId="{A7784D3A-2DAC-4ED2-BB27-C8D48836B5C0}" dt="2025-05-28T02:47:53.796" v="1324" actId="14100"/>
        <pc:sldMkLst>
          <pc:docMk/>
          <pc:sldMk cId="2648200114" sldId="282"/>
        </pc:sldMkLst>
        <pc:spChg chg="add mod">
          <ac:chgData name="Suman Das" userId="48a07445-4675-4748-acc3-eb500a5ddf20" providerId="ADAL" clId="{A7784D3A-2DAC-4ED2-BB27-C8D48836B5C0}" dt="2025-05-28T02:47:53.796" v="1324" actId="14100"/>
          <ac:spMkLst>
            <pc:docMk/>
            <pc:sldMk cId="2648200114" sldId="282"/>
            <ac:spMk id="2" creationId="{9A0A6B7A-10E7-42FA-A595-692FB28EF527}"/>
          </ac:spMkLst>
        </pc:spChg>
      </pc:sldChg>
      <pc:sldChg chg="addSp delSp modSp add mod ord">
        <pc:chgData name="Suman Das" userId="48a07445-4675-4748-acc3-eb500a5ddf20" providerId="ADAL" clId="{A7784D3A-2DAC-4ED2-BB27-C8D48836B5C0}" dt="2025-05-28T09:08:36.288" v="2265" actId="14100"/>
        <pc:sldMkLst>
          <pc:docMk/>
          <pc:sldMk cId="3585732800" sldId="283"/>
        </pc:sldMkLst>
        <pc:spChg chg="add del mod">
          <ac:chgData name="Suman Das" userId="48a07445-4675-4748-acc3-eb500a5ddf20" providerId="ADAL" clId="{A7784D3A-2DAC-4ED2-BB27-C8D48836B5C0}" dt="2025-05-28T09:07:24.063" v="2233"/>
          <ac:spMkLst>
            <pc:docMk/>
            <pc:sldMk cId="3585732800" sldId="283"/>
            <ac:spMk id="3" creationId="{A0CDD209-8AC2-5F8E-EC98-F2148C618BDB}"/>
          </ac:spMkLst>
        </pc:spChg>
        <pc:spChg chg="add mod">
          <ac:chgData name="Suman Das" userId="48a07445-4675-4748-acc3-eb500a5ddf20" providerId="ADAL" clId="{A7784D3A-2DAC-4ED2-BB27-C8D48836B5C0}" dt="2025-05-28T09:08:36.288" v="2265" actId="14100"/>
          <ac:spMkLst>
            <pc:docMk/>
            <pc:sldMk cId="3585732800" sldId="283"/>
            <ac:spMk id="4" creationId="{A7C98FBA-7D49-4EEB-B4F4-E7603374A081}"/>
          </ac:spMkLst>
        </pc:spChg>
        <pc:spChg chg="del">
          <ac:chgData name="Suman Das" userId="48a07445-4675-4748-acc3-eb500a5ddf20" providerId="ADAL" clId="{A7784D3A-2DAC-4ED2-BB27-C8D48836B5C0}" dt="2025-05-28T02:53:43.264" v="1337" actId="478"/>
          <ac:spMkLst>
            <pc:docMk/>
            <pc:sldMk cId="3585732800" sldId="283"/>
            <ac:spMk id="4" creationId="{ADF3DCBC-C73C-C68F-748B-06D4E63AA718}"/>
          </ac:spMkLst>
        </pc:spChg>
        <pc:graphicFrameChg chg="add mod modGraphic">
          <ac:chgData name="Suman Das" userId="48a07445-4675-4748-acc3-eb500a5ddf20" providerId="ADAL" clId="{A7784D3A-2DAC-4ED2-BB27-C8D48836B5C0}" dt="2025-05-28T09:07:53.280" v="2240" actId="12385"/>
          <ac:graphicFrameMkLst>
            <pc:docMk/>
            <pc:sldMk cId="3585732800" sldId="283"/>
            <ac:graphicFrameMk id="2" creationId="{FFEDCC3E-AA91-37B3-9ED6-C2B0387651E3}"/>
          </ac:graphicFrameMkLst>
        </pc:graphicFrameChg>
        <pc:graphicFrameChg chg="del modGraphic">
          <ac:chgData name="Suman Das" userId="48a07445-4675-4748-acc3-eb500a5ddf20" providerId="ADAL" clId="{A7784D3A-2DAC-4ED2-BB27-C8D48836B5C0}" dt="2025-05-28T02:53:40.731" v="1336" actId="478"/>
          <ac:graphicFrameMkLst>
            <pc:docMk/>
            <pc:sldMk cId="3585732800" sldId="283"/>
            <ac:graphicFrameMk id="5" creationId="{740CC9B4-C6AB-D238-75A1-9F2D1255FBA2}"/>
          </ac:graphicFrameMkLst>
        </pc:graphicFrameChg>
      </pc:sldChg>
      <pc:sldChg chg="addSp modSp new mod">
        <pc:chgData name="Suman Das" userId="48a07445-4675-4748-acc3-eb500a5ddf20" providerId="ADAL" clId="{A7784D3A-2DAC-4ED2-BB27-C8D48836B5C0}" dt="2025-05-28T04:08:28.139" v="1675" actId="108"/>
        <pc:sldMkLst>
          <pc:docMk/>
          <pc:sldMk cId="2047462062" sldId="284"/>
        </pc:sldMkLst>
        <pc:spChg chg="mod">
          <ac:chgData name="Suman Das" userId="48a07445-4675-4748-acc3-eb500a5ddf20" providerId="ADAL" clId="{A7784D3A-2DAC-4ED2-BB27-C8D48836B5C0}" dt="2025-05-28T03:24:50.933" v="1451" actId="1076"/>
          <ac:spMkLst>
            <pc:docMk/>
            <pc:sldMk cId="2047462062" sldId="284"/>
            <ac:spMk id="2" creationId="{747740FF-D920-F322-6309-0C2F85ECFD36}"/>
          </ac:spMkLst>
        </pc:spChg>
        <pc:graphicFrameChg chg="add mod modGraphic">
          <ac:chgData name="Suman Das" userId="48a07445-4675-4748-acc3-eb500a5ddf20" providerId="ADAL" clId="{A7784D3A-2DAC-4ED2-BB27-C8D48836B5C0}" dt="2025-05-28T04:08:17.248" v="1672"/>
          <ac:graphicFrameMkLst>
            <pc:docMk/>
            <pc:sldMk cId="2047462062" sldId="284"/>
            <ac:graphicFrameMk id="3" creationId="{B6C89415-A4CF-63B0-3BE4-8A023655B0A5}"/>
          </ac:graphicFrameMkLst>
        </pc:graphicFrameChg>
        <pc:graphicFrameChg chg="add mod modGraphic">
          <ac:chgData name="Suman Das" userId="48a07445-4675-4748-acc3-eb500a5ddf20" providerId="ADAL" clId="{A7784D3A-2DAC-4ED2-BB27-C8D48836B5C0}" dt="2025-05-28T04:08:28.139" v="1675" actId="108"/>
          <ac:graphicFrameMkLst>
            <pc:docMk/>
            <pc:sldMk cId="2047462062" sldId="284"/>
            <ac:graphicFrameMk id="4" creationId="{E2CA6744-EBD5-B1E4-BAD9-A369959ACE30}"/>
          </ac:graphicFrameMkLst>
        </pc:graphicFrameChg>
      </pc:sldChg>
      <pc:sldChg chg="addSp delSp modSp new mod">
        <pc:chgData name="Suman Das" userId="48a07445-4675-4748-acc3-eb500a5ddf20" providerId="ADAL" clId="{A7784D3A-2DAC-4ED2-BB27-C8D48836B5C0}" dt="2025-05-28T04:09:43.280" v="1686" actId="1076"/>
        <pc:sldMkLst>
          <pc:docMk/>
          <pc:sldMk cId="457830805" sldId="285"/>
        </pc:sldMkLst>
        <pc:spChg chg="mod">
          <ac:chgData name="Suman Das" userId="48a07445-4675-4748-acc3-eb500a5ddf20" providerId="ADAL" clId="{A7784D3A-2DAC-4ED2-BB27-C8D48836B5C0}" dt="2025-05-28T04:09:41.118" v="1685" actId="1076"/>
          <ac:spMkLst>
            <pc:docMk/>
            <pc:sldMk cId="457830805" sldId="285"/>
            <ac:spMk id="2" creationId="{56FD5C04-2F0F-82C9-7E80-74781583B53F}"/>
          </ac:spMkLst>
        </pc:spChg>
        <pc:spChg chg="add del mod">
          <ac:chgData name="Suman Das" userId="48a07445-4675-4748-acc3-eb500a5ddf20" providerId="ADAL" clId="{A7784D3A-2DAC-4ED2-BB27-C8D48836B5C0}" dt="2025-05-28T04:04:25.971" v="1657" actId="478"/>
          <ac:spMkLst>
            <pc:docMk/>
            <pc:sldMk cId="457830805" sldId="285"/>
            <ac:spMk id="5" creationId="{A3E8234C-B1BA-E481-9A53-C916A0D8AF68}"/>
          </ac:spMkLst>
        </pc:spChg>
        <pc:graphicFrameChg chg="add mod modGraphic">
          <ac:chgData name="Suman Das" userId="48a07445-4675-4748-acc3-eb500a5ddf20" providerId="ADAL" clId="{A7784D3A-2DAC-4ED2-BB27-C8D48836B5C0}" dt="2025-05-28T04:09:43.280" v="1686" actId="1076"/>
          <ac:graphicFrameMkLst>
            <pc:docMk/>
            <pc:sldMk cId="457830805" sldId="285"/>
            <ac:graphicFrameMk id="3" creationId="{7BDC6719-88DC-9B5C-3983-C93DE57220FA}"/>
          </ac:graphicFrameMkLst>
        </pc:graphicFrameChg>
        <pc:graphicFrameChg chg="add del mod modGraphic">
          <ac:chgData name="Suman Das" userId="48a07445-4675-4748-acc3-eb500a5ddf20" providerId="ADAL" clId="{A7784D3A-2DAC-4ED2-BB27-C8D48836B5C0}" dt="2025-05-28T04:03:47.628" v="1633" actId="478"/>
          <ac:graphicFrameMkLst>
            <pc:docMk/>
            <pc:sldMk cId="457830805" sldId="285"/>
            <ac:graphicFrameMk id="4" creationId="{8446A743-703E-F852-36A0-AD450DBEC23A}"/>
          </ac:graphicFrameMkLst>
        </pc:graphicFrameChg>
        <pc:graphicFrameChg chg="add mod">
          <ac:chgData name="Suman Das" userId="48a07445-4675-4748-acc3-eb500a5ddf20" providerId="ADAL" clId="{A7784D3A-2DAC-4ED2-BB27-C8D48836B5C0}" dt="2025-05-28T04:09:21.499" v="1681"/>
          <ac:graphicFrameMkLst>
            <pc:docMk/>
            <pc:sldMk cId="457830805" sldId="285"/>
            <ac:graphicFrameMk id="6" creationId="{388B4280-BB50-5464-F256-62673C6337A0}"/>
          </ac:graphicFrameMkLst>
        </pc:graphicFrameChg>
      </pc:sldChg>
      <pc:sldChg chg="addSp delSp modSp new del mod">
        <pc:chgData name="Suman Das" userId="48a07445-4675-4748-acc3-eb500a5ddf20" providerId="ADAL" clId="{A7784D3A-2DAC-4ED2-BB27-C8D48836B5C0}" dt="2025-05-28T04:05:02.165" v="1668" actId="47"/>
        <pc:sldMkLst>
          <pc:docMk/>
          <pc:sldMk cId="3814020157" sldId="286"/>
        </pc:sldMkLst>
        <pc:spChg chg="del mod">
          <ac:chgData name="Suman Das" userId="48a07445-4675-4748-acc3-eb500a5ddf20" providerId="ADAL" clId="{A7784D3A-2DAC-4ED2-BB27-C8D48836B5C0}" dt="2025-05-28T04:02:30.964" v="1607" actId="21"/>
          <ac:spMkLst>
            <pc:docMk/>
            <pc:sldMk cId="3814020157" sldId="286"/>
            <ac:spMk id="2" creationId="{A3E8234C-B1BA-E481-9A53-C916A0D8AF68}"/>
          </ac:spMkLst>
        </pc:spChg>
        <pc:spChg chg="add del mod">
          <ac:chgData name="Suman Das" userId="48a07445-4675-4748-acc3-eb500a5ddf20" providerId="ADAL" clId="{A7784D3A-2DAC-4ED2-BB27-C8D48836B5C0}" dt="2025-05-28T03:35:28.442" v="1588" actId="478"/>
          <ac:spMkLst>
            <pc:docMk/>
            <pc:sldMk cId="3814020157" sldId="286"/>
            <ac:spMk id="4" creationId="{B8A1CA0F-FCDF-AAAD-585C-37689D0CE325}"/>
          </ac:spMkLst>
        </pc:spChg>
        <pc:spChg chg="add mod">
          <ac:chgData name="Suman Das" userId="48a07445-4675-4748-acc3-eb500a5ddf20" providerId="ADAL" clId="{A7784D3A-2DAC-4ED2-BB27-C8D48836B5C0}" dt="2025-05-28T04:02:30.964" v="1607" actId="21"/>
          <ac:spMkLst>
            <pc:docMk/>
            <pc:sldMk cId="3814020157" sldId="286"/>
            <ac:spMk id="6" creationId="{561213F6-187D-E12B-C9DF-6B1BF6EA2A72}"/>
          </ac:spMkLst>
        </pc:spChg>
        <pc:graphicFrameChg chg="add del mod modGraphic">
          <ac:chgData name="Suman Das" userId="48a07445-4675-4748-acc3-eb500a5ddf20" providerId="ADAL" clId="{A7784D3A-2DAC-4ED2-BB27-C8D48836B5C0}" dt="2025-05-28T03:36:33.451" v="1602" actId="21"/>
          <ac:graphicFrameMkLst>
            <pc:docMk/>
            <pc:sldMk cId="3814020157" sldId="286"/>
            <ac:graphicFrameMk id="3" creationId="{8446A743-703E-F852-36A0-AD450DBEC23A}"/>
          </ac:graphicFrameMkLst>
        </pc:graphicFrameChg>
      </pc:sldChg>
      <pc:sldChg chg="addSp delSp modSp new mod">
        <pc:chgData name="Suman Das" userId="48a07445-4675-4748-acc3-eb500a5ddf20" providerId="ADAL" clId="{A7784D3A-2DAC-4ED2-BB27-C8D48836B5C0}" dt="2025-05-28T04:09:53.075" v="1689" actId="14100"/>
        <pc:sldMkLst>
          <pc:docMk/>
          <pc:sldMk cId="2881399795" sldId="287"/>
        </pc:sldMkLst>
        <pc:spChg chg="mod">
          <ac:chgData name="Suman Das" userId="48a07445-4675-4748-acc3-eb500a5ddf20" providerId="ADAL" clId="{A7784D3A-2DAC-4ED2-BB27-C8D48836B5C0}" dt="2025-05-28T04:09:53.075" v="1689" actId="14100"/>
          <ac:spMkLst>
            <pc:docMk/>
            <pc:sldMk cId="2881399795" sldId="287"/>
            <ac:spMk id="2" creationId="{8C4806AD-0851-2511-D2F5-8288A563315F}"/>
          </ac:spMkLst>
        </pc:spChg>
        <pc:spChg chg="add del mod">
          <ac:chgData name="Suman Das" userId="48a07445-4675-4748-acc3-eb500a5ddf20" providerId="ADAL" clId="{A7784D3A-2DAC-4ED2-BB27-C8D48836B5C0}" dt="2025-05-28T04:09:28.070" v="1682" actId="478"/>
          <ac:spMkLst>
            <pc:docMk/>
            <pc:sldMk cId="2881399795" sldId="287"/>
            <ac:spMk id="4" creationId="{6B0319C7-955C-40D4-583E-F3163F77432A}"/>
          </ac:spMkLst>
        </pc:spChg>
        <pc:graphicFrameChg chg="add del mod modGraphic">
          <ac:chgData name="Suman Das" userId="48a07445-4675-4748-acc3-eb500a5ddf20" providerId="ADAL" clId="{A7784D3A-2DAC-4ED2-BB27-C8D48836B5C0}" dt="2025-05-28T04:09:18.262" v="1680" actId="21"/>
          <ac:graphicFrameMkLst>
            <pc:docMk/>
            <pc:sldMk cId="2881399795" sldId="287"/>
            <ac:graphicFrameMk id="3" creationId="{388B4280-BB50-5464-F256-62673C6337A0}"/>
          </ac:graphicFrameMkLst>
        </pc:graphicFrameChg>
        <pc:graphicFrameChg chg="add mod modGraphic">
          <ac:chgData name="Suman Das" userId="48a07445-4675-4748-acc3-eb500a5ddf20" providerId="ADAL" clId="{A7784D3A-2DAC-4ED2-BB27-C8D48836B5C0}" dt="2025-05-28T04:09:48.553" v="1687" actId="1076"/>
          <ac:graphicFrameMkLst>
            <pc:docMk/>
            <pc:sldMk cId="2881399795" sldId="287"/>
            <ac:graphicFrameMk id="6" creationId="{A4B2EA02-444D-065A-DC3F-23175728AE49}"/>
          </ac:graphicFrameMkLst>
        </pc:graphicFrameChg>
        <pc:picChg chg="add del mod">
          <ac:chgData name="Suman Das" userId="48a07445-4675-4748-acc3-eb500a5ddf20" providerId="ADAL" clId="{A7784D3A-2DAC-4ED2-BB27-C8D48836B5C0}" dt="2025-05-28T03:27:46.362" v="1543" actId="478"/>
          <ac:picMkLst>
            <pc:docMk/>
            <pc:sldMk cId="2881399795" sldId="287"/>
            <ac:picMk id="5" creationId="{80C90937-ABFC-F891-2DFB-C00CDCA1E679}"/>
          </ac:picMkLst>
        </pc:picChg>
      </pc:sldChg>
      <pc:sldChg chg="addSp delSp modSp new mod">
        <pc:chgData name="Suman Das" userId="48a07445-4675-4748-acc3-eb500a5ddf20" providerId="ADAL" clId="{A7784D3A-2DAC-4ED2-BB27-C8D48836B5C0}" dt="2025-05-28T08:53:59.021" v="2086" actId="21"/>
        <pc:sldMkLst>
          <pc:docMk/>
          <pc:sldMk cId="3098779712" sldId="288"/>
        </pc:sldMkLst>
        <pc:spChg chg="mod">
          <ac:chgData name="Suman Das" userId="48a07445-4675-4748-acc3-eb500a5ddf20" providerId="ADAL" clId="{A7784D3A-2DAC-4ED2-BB27-C8D48836B5C0}" dt="2025-05-28T03:29:46.952" v="1562" actId="20577"/>
          <ac:spMkLst>
            <pc:docMk/>
            <pc:sldMk cId="3098779712" sldId="288"/>
            <ac:spMk id="2" creationId="{F6399334-7690-E27C-8561-D96755196D93}"/>
          </ac:spMkLst>
        </pc:spChg>
        <pc:spChg chg="add del mod">
          <ac:chgData name="Suman Das" userId="48a07445-4675-4748-acc3-eb500a5ddf20" providerId="ADAL" clId="{A7784D3A-2DAC-4ED2-BB27-C8D48836B5C0}" dt="2025-05-28T08:53:59.021" v="2086" actId="21"/>
          <ac:spMkLst>
            <pc:docMk/>
            <pc:sldMk cId="3098779712" sldId="288"/>
            <ac:spMk id="3" creationId="{23B14BDE-E6D2-B390-6CAA-684F10E99EDB}"/>
          </ac:spMkLst>
        </pc:spChg>
        <pc:spChg chg="add del mod">
          <ac:chgData name="Suman Das" userId="48a07445-4675-4748-acc3-eb500a5ddf20" providerId="ADAL" clId="{A7784D3A-2DAC-4ED2-BB27-C8D48836B5C0}" dt="2025-05-28T04:10:42.282" v="1714" actId="478"/>
          <ac:spMkLst>
            <pc:docMk/>
            <pc:sldMk cId="3098779712" sldId="288"/>
            <ac:spMk id="6" creationId="{3AB8A18A-9125-F264-D4F6-D734AE7110FA}"/>
          </ac:spMkLst>
        </pc:spChg>
        <pc:spChg chg="add del mod">
          <ac:chgData name="Suman Das" userId="48a07445-4675-4748-acc3-eb500a5ddf20" providerId="ADAL" clId="{A7784D3A-2DAC-4ED2-BB27-C8D48836B5C0}" dt="2025-05-28T04:10:40.731" v="1713" actId="478"/>
          <ac:spMkLst>
            <pc:docMk/>
            <pc:sldMk cId="3098779712" sldId="288"/>
            <ac:spMk id="8" creationId="{003A6B32-348E-5FB4-992F-8547D3825A74}"/>
          </ac:spMkLst>
        </pc:spChg>
        <pc:spChg chg="add del mod">
          <ac:chgData name="Suman Das" userId="48a07445-4675-4748-acc3-eb500a5ddf20" providerId="ADAL" clId="{A7784D3A-2DAC-4ED2-BB27-C8D48836B5C0}" dt="2025-05-28T04:10:39.906" v="1712" actId="478"/>
          <ac:spMkLst>
            <pc:docMk/>
            <pc:sldMk cId="3098779712" sldId="288"/>
            <ac:spMk id="10" creationId="{9950354F-737D-318E-C8D2-55882EED7BBD}"/>
          </ac:spMkLst>
        </pc:spChg>
        <pc:picChg chg="add del mod">
          <ac:chgData name="Suman Das" userId="48a07445-4675-4748-acc3-eb500a5ddf20" providerId="ADAL" clId="{A7784D3A-2DAC-4ED2-BB27-C8D48836B5C0}" dt="2025-05-28T04:09:59.778" v="1690" actId="478"/>
          <ac:picMkLst>
            <pc:docMk/>
            <pc:sldMk cId="3098779712" sldId="288"/>
            <ac:picMk id="3" creationId="{DD587426-4999-CC19-D5F0-FC17179B5955}"/>
          </ac:picMkLst>
        </pc:picChg>
        <pc:picChg chg="add del mod">
          <ac:chgData name="Suman Das" userId="48a07445-4675-4748-acc3-eb500a5ddf20" providerId="ADAL" clId="{A7784D3A-2DAC-4ED2-BB27-C8D48836B5C0}" dt="2025-05-28T04:10:02.626" v="1691" actId="478"/>
          <ac:picMkLst>
            <pc:docMk/>
            <pc:sldMk cId="3098779712" sldId="288"/>
            <ac:picMk id="4" creationId="{5B828C7D-6CA5-DECD-E899-398F2CC152E0}"/>
          </ac:picMkLst>
        </pc:picChg>
      </pc:sldChg>
      <pc:sldChg chg="addSp modSp new mod">
        <pc:chgData name="Suman Das" userId="48a07445-4675-4748-acc3-eb500a5ddf20" providerId="ADAL" clId="{A7784D3A-2DAC-4ED2-BB27-C8D48836B5C0}" dt="2025-05-28T08:30:02.762" v="2058" actId="115"/>
        <pc:sldMkLst>
          <pc:docMk/>
          <pc:sldMk cId="3730558259" sldId="289"/>
        </pc:sldMkLst>
        <pc:spChg chg="add mod">
          <ac:chgData name="Suman Das" userId="48a07445-4675-4748-acc3-eb500a5ddf20" providerId="ADAL" clId="{A7784D3A-2DAC-4ED2-BB27-C8D48836B5C0}" dt="2025-05-28T08:23:51.207" v="1817" actId="113"/>
          <ac:spMkLst>
            <pc:docMk/>
            <pc:sldMk cId="3730558259" sldId="289"/>
            <ac:spMk id="5" creationId="{B6907DF6-107E-98A3-FFB4-3854A77C2BD4}"/>
          </ac:spMkLst>
        </pc:spChg>
        <pc:spChg chg="add mod">
          <ac:chgData name="Suman Das" userId="48a07445-4675-4748-acc3-eb500a5ddf20" providerId="ADAL" clId="{A7784D3A-2DAC-4ED2-BB27-C8D48836B5C0}" dt="2025-05-28T08:25:00.311" v="1892" actId="113"/>
          <ac:spMkLst>
            <pc:docMk/>
            <pc:sldMk cId="3730558259" sldId="289"/>
            <ac:spMk id="9" creationId="{0B5DB6AA-064F-B19E-EC37-74209E66A7D7}"/>
          </ac:spMkLst>
        </pc:spChg>
        <pc:spChg chg="add mod">
          <ac:chgData name="Suman Das" userId="48a07445-4675-4748-acc3-eb500a5ddf20" providerId="ADAL" clId="{A7784D3A-2DAC-4ED2-BB27-C8D48836B5C0}" dt="2025-05-28T08:26:29.883" v="1922" actId="1076"/>
          <ac:spMkLst>
            <pc:docMk/>
            <pc:sldMk cId="3730558259" sldId="289"/>
            <ac:spMk id="10" creationId="{D03F7CA1-386F-B4A0-A155-95E0BA5CCEC0}"/>
          </ac:spMkLst>
        </pc:spChg>
        <pc:spChg chg="add mod">
          <ac:chgData name="Suman Das" userId="48a07445-4675-4748-acc3-eb500a5ddf20" providerId="ADAL" clId="{A7784D3A-2DAC-4ED2-BB27-C8D48836B5C0}" dt="2025-05-28T08:27:28.939" v="1990" actId="313"/>
          <ac:spMkLst>
            <pc:docMk/>
            <pc:sldMk cId="3730558259" sldId="289"/>
            <ac:spMk id="11" creationId="{31BDB906-4960-C9FF-32D9-0BC8624265A7}"/>
          </ac:spMkLst>
        </pc:spChg>
        <pc:spChg chg="add mod">
          <ac:chgData name="Suman Das" userId="48a07445-4675-4748-acc3-eb500a5ddf20" providerId="ADAL" clId="{A7784D3A-2DAC-4ED2-BB27-C8D48836B5C0}" dt="2025-05-28T08:29:22.812" v="2033" actId="1076"/>
          <ac:spMkLst>
            <pc:docMk/>
            <pc:sldMk cId="3730558259" sldId="289"/>
            <ac:spMk id="12" creationId="{A6B19975-868E-BF4C-2291-3C0A356ED30C}"/>
          </ac:spMkLst>
        </pc:spChg>
        <pc:spChg chg="add mod">
          <ac:chgData name="Suman Das" userId="48a07445-4675-4748-acc3-eb500a5ddf20" providerId="ADAL" clId="{A7784D3A-2DAC-4ED2-BB27-C8D48836B5C0}" dt="2025-05-28T08:30:02.762" v="2058" actId="115"/>
          <ac:spMkLst>
            <pc:docMk/>
            <pc:sldMk cId="3730558259" sldId="289"/>
            <ac:spMk id="13" creationId="{4172334F-E16F-264E-AD27-CE01C9C0B8BE}"/>
          </ac:spMkLst>
        </pc:spChg>
        <pc:picChg chg="add mod">
          <ac:chgData name="Suman Das" userId="48a07445-4675-4748-acc3-eb500a5ddf20" providerId="ADAL" clId="{A7784D3A-2DAC-4ED2-BB27-C8D48836B5C0}" dt="2025-05-28T08:23:57.667" v="1821" actId="1076"/>
          <ac:picMkLst>
            <pc:docMk/>
            <pc:sldMk cId="3730558259" sldId="289"/>
            <ac:picMk id="2" creationId="{8D7FD16A-DF9E-EA48-4376-82498E15F0F5}"/>
          </ac:picMkLst>
        </pc:picChg>
        <pc:picChg chg="add mod">
          <ac:chgData name="Suman Das" userId="48a07445-4675-4748-acc3-eb500a5ddf20" providerId="ADAL" clId="{A7784D3A-2DAC-4ED2-BB27-C8D48836B5C0}" dt="2025-05-28T08:23:53.310" v="1818" actId="1076"/>
          <ac:picMkLst>
            <pc:docMk/>
            <pc:sldMk cId="3730558259" sldId="289"/>
            <ac:picMk id="4" creationId="{1530F2FA-5ED6-988C-E31D-5399E37F678B}"/>
          </ac:picMkLst>
        </pc:picChg>
        <pc:cxnChg chg="add">
          <ac:chgData name="Suman Das" userId="48a07445-4675-4748-acc3-eb500a5ddf20" providerId="ADAL" clId="{A7784D3A-2DAC-4ED2-BB27-C8D48836B5C0}" dt="2025-05-28T08:24:20.104" v="1822" actId="11529"/>
          <ac:cxnSpMkLst>
            <pc:docMk/>
            <pc:sldMk cId="3730558259" sldId="289"/>
            <ac:cxnSpMk id="7" creationId="{538D6680-7D82-847C-CDCC-5EF25A32838F}"/>
          </ac:cxnSpMkLst>
        </pc:cxnChg>
        <pc:cxnChg chg="add mod">
          <ac:chgData name="Suman Das" userId="48a07445-4675-4748-acc3-eb500a5ddf20" providerId="ADAL" clId="{A7784D3A-2DAC-4ED2-BB27-C8D48836B5C0}" dt="2025-05-28T08:24:25.301" v="1842" actId="1035"/>
          <ac:cxnSpMkLst>
            <pc:docMk/>
            <pc:sldMk cId="3730558259" sldId="289"/>
            <ac:cxnSpMk id="8" creationId="{B99A55FA-AC2C-3B8E-5E92-C7134A2EA18B}"/>
          </ac:cxnSpMkLst>
        </pc:cxnChg>
      </pc:sldChg>
      <pc:sldChg chg="addSp delSp modSp new mod">
        <pc:chgData name="Suman Das" userId="48a07445-4675-4748-acc3-eb500a5ddf20" providerId="ADAL" clId="{A7784D3A-2DAC-4ED2-BB27-C8D48836B5C0}" dt="2025-05-28T08:57:07.722" v="2156" actId="115"/>
        <pc:sldMkLst>
          <pc:docMk/>
          <pc:sldMk cId="3776201657" sldId="290"/>
        </pc:sldMkLst>
        <pc:spChg chg="del">
          <ac:chgData name="Suman Das" userId="48a07445-4675-4748-acc3-eb500a5ddf20" providerId="ADAL" clId="{A7784D3A-2DAC-4ED2-BB27-C8D48836B5C0}" dt="2025-05-28T08:55:30.308" v="2150" actId="478"/>
          <ac:spMkLst>
            <pc:docMk/>
            <pc:sldMk cId="3776201657" sldId="290"/>
            <ac:spMk id="2" creationId="{7EB4B9B8-4DEA-D571-C299-FA7F8CB03EE4}"/>
          </ac:spMkLst>
        </pc:spChg>
        <pc:spChg chg="add mod">
          <ac:chgData name="Suman Das" userId="48a07445-4675-4748-acc3-eb500a5ddf20" providerId="ADAL" clId="{A7784D3A-2DAC-4ED2-BB27-C8D48836B5C0}" dt="2025-05-28T08:57:07.722" v="2156" actId="115"/>
          <ac:spMkLst>
            <pc:docMk/>
            <pc:sldMk cId="3776201657" sldId="290"/>
            <ac:spMk id="3" creationId="{92BBA585-1044-46C6-51C8-E72ED13B3E99}"/>
          </ac:spMkLst>
        </pc:spChg>
      </pc:sldChg>
      <pc:sldChg chg="addSp modSp new mod">
        <pc:chgData name="Suman Das" userId="48a07445-4675-4748-acc3-eb500a5ddf20" providerId="ADAL" clId="{A7784D3A-2DAC-4ED2-BB27-C8D48836B5C0}" dt="2025-05-28T08:56:58.785" v="2154" actId="115"/>
        <pc:sldMkLst>
          <pc:docMk/>
          <pc:sldMk cId="348227344" sldId="291"/>
        </pc:sldMkLst>
        <pc:spChg chg="add mod">
          <ac:chgData name="Suman Das" userId="48a07445-4675-4748-acc3-eb500a5ddf20" providerId="ADAL" clId="{A7784D3A-2DAC-4ED2-BB27-C8D48836B5C0}" dt="2025-05-28T08:56:58.785" v="2154" actId="115"/>
          <ac:spMkLst>
            <pc:docMk/>
            <pc:sldMk cId="348227344" sldId="291"/>
            <ac:spMk id="2" creationId="{58972CFE-5F71-CCE2-B4D8-2C1E6E99B383}"/>
          </ac:spMkLst>
        </pc:sp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IN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D9F3B5D-2ABD-40F2-885F-3FEE7A293AF6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IN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I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B556F86-275E-4528-B5DE-9A79349179FA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325332459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B556F86-275E-4528-B5DE-9A79349179FA}" type="slidenum">
              <a:rPr lang="en-IN" smtClean="0"/>
              <a:t>6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70245918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B556F86-275E-4528-B5DE-9A79349179FA}" type="slidenum">
              <a:rPr lang="en-IN" smtClean="0"/>
              <a:t>8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2307614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B556F86-275E-4528-B5DE-9A79349179FA}" type="slidenum">
              <a:rPr lang="en-IN" smtClean="0"/>
              <a:t>10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411138054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B556F86-275E-4528-B5DE-9A79349179FA}" type="slidenum">
              <a:rPr lang="en-IN" smtClean="0"/>
              <a:t>12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113686375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09969CC-A4E9-51F1-E560-5B7E474CEF2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268D8A78-591F-FED1-B44A-30A6561D07C5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688496FE-F6AC-E7F0-9C7D-84ADB4BD89F6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1A021F5F-629F-2C85-6554-60A2BA0BD5E7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B556F86-275E-4528-B5DE-9A79349179FA}" type="slidenum">
              <a:rPr lang="en-IN" smtClean="0"/>
              <a:t>13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12691942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3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88.xml"/><Relationship Id="rId1" Type="http://schemas.openxmlformats.org/officeDocument/2006/relationships/tags" Target="../tags/tag87.xml"/><Relationship Id="rId6" Type="http://schemas.openxmlformats.org/officeDocument/2006/relationships/image" Target="../media/image10.png"/><Relationship Id="rId5" Type="http://schemas.openxmlformats.org/officeDocument/2006/relationships/image" Target="../media/image23.emf"/><Relationship Id="rId4" Type="http://schemas.openxmlformats.org/officeDocument/2006/relationships/oleObject" Target="../embeddings/oleObject66.bin"/></Relationships>
</file>

<file path=ppt/slideLayouts/_rels/slideLayout10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0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0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0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3.xml"/></Relationships>
</file>

<file path=ppt/slideLayouts/_rels/slideLayout10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3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90.xml"/><Relationship Id="rId1" Type="http://schemas.openxmlformats.org/officeDocument/2006/relationships/tags" Target="../tags/tag89.xml"/><Relationship Id="rId6" Type="http://schemas.openxmlformats.org/officeDocument/2006/relationships/image" Target="../media/image14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67.bin"/></Relationships>
</file>

<file path=ppt/slideLayouts/_rels/slideLayout1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3.xml"/></Relationships>
</file>

<file path=ppt/slideLayouts/_rels/slideLayout1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image" Target="../media/image11.png"/><Relationship Id="rId5" Type="http://schemas.openxmlformats.org/officeDocument/2006/relationships/image" Target="../media/image23.emf"/><Relationship Id="rId4" Type="http://schemas.openxmlformats.org/officeDocument/2006/relationships/oleObject" Target="../embeddings/oleObject68.bin"/></Relationships>
</file>

<file path=ppt/slideLayouts/_rels/slideLayout1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3.xml"/></Relationships>
</file>

<file path=ppt/slideLayouts/_rels/slideLayout1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94.xml"/><Relationship Id="rId1" Type="http://schemas.openxmlformats.org/officeDocument/2006/relationships/tags" Target="../tags/tag93.xml"/><Relationship Id="rId6" Type="http://schemas.openxmlformats.org/officeDocument/2006/relationships/image" Target="../media/image11.png"/><Relationship Id="rId5" Type="http://schemas.openxmlformats.org/officeDocument/2006/relationships/image" Target="../media/image23.emf"/><Relationship Id="rId4" Type="http://schemas.openxmlformats.org/officeDocument/2006/relationships/oleObject" Target="../embeddings/oleObject69.bin"/></Relationships>
</file>

<file path=ppt/slideLayouts/_rels/slideLayout1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96.xml"/><Relationship Id="rId1" Type="http://schemas.openxmlformats.org/officeDocument/2006/relationships/tags" Target="../tags/tag95.xml"/><Relationship Id="rId6" Type="http://schemas.openxmlformats.org/officeDocument/2006/relationships/image" Target="../media/image12.png"/><Relationship Id="rId5" Type="http://schemas.openxmlformats.org/officeDocument/2006/relationships/image" Target="../media/image23.emf"/><Relationship Id="rId4" Type="http://schemas.openxmlformats.org/officeDocument/2006/relationships/oleObject" Target="../embeddings/oleObject70.bin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98.xml"/><Relationship Id="rId1" Type="http://schemas.openxmlformats.org/officeDocument/2006/relationships/tags" Target="../tags/tag97.xml"/><Relationship Id="rId6" Type="http://schemas.openxmlformats.org/officeDocument/2006/relationships/image" Target="../media/image15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67.bin"/></Relationships>
</file>

<file path=ppt/slideLayouts/_rels/slideLayout1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jpeg"/><Relationship Id="rId3" Type="http://schemas.openxmlformats.org/officeDocument/2006/relationships/tags" Target="../tags/tag101.xml"/><Relationship Id="rId7" Type="http://schemas.openxmlformats.org/officeDocument/2006/relationships/image" Target="../media/image7.emf"/><Relationship Id="rId2" Type="http://schemas.openxmlformats.org/officeDocument/2006/relationships/tags" Target="../tags/tag100.xml"/><Relationship Id="rId1" Type="http://schemas.openxmlformats.org/officeDocument/2006/relationships/tags" Target="../tags/tag99.xml"/><Relationship Id="rId6" Type="http://schemas.openxmlformats.org/officeDocument/2006/relationships/oleObject" Target="../embeddings/oleObject71.bin"/><Relationship Id="rId5" Type="http://schemas.openxmlformats.org/officeDocument/2006/relationships/slideMaster" Target="../slideMasters/slideMaster3.xml"/><Relationship Id="rId10" Type="http://schemas.openxmlformats.org/officeDocument/2006/relationships/image" Target="../media/image24.jpeg"/><Relationship Id="rId4" Type="http://schemas.openxmlformats.org/officeDocument/2006/relationships/tags" Target="../tags/tag102.xml"/><Relationship Id="rId9" Type="http://schemas.openxmlformats.org/officeDocument/2006/relationships/oleObject" Target="../embeddings/oleObject72.bin"/></Relationships>
</file>

<file path=ppt/slideLayouts/_rels/slideLayout1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04.xml"/><Relationship Id="rId1" Type="http://schemas.openxmlformats.org/officeDocument/2006/relationships/tags" Target="../tags/tag103.xml"/><Relationship Id="rId5" Type="http://schemas.openxmlformats.org/officeDocument/2006/relationships/image" Target="../media/image25.emf"/><Relationship Id="rId4" Type="http://schemas.openxmlformats.org/officeDocument/2006/relationships/oleObject" Target="../embeddings/oleObject73.bin"/></Relationships>
</file>

<file path=ppt/slideLayouts/_rels/slideLayout1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3.xml"/></Relationships>
</file>

<file path=ppt/slideLayouts/_rels/slideLayout1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06.xml"/><Relationship Id="rId1" Type="http://schemas.openxmlformats.org/officeDocument/2006/relationships/tags" Target="../tags/tag105.xml"/><Relationship Id="rId6" Type="http://schemas.openxmlformats.org/officeDocument/2006/relationships/image" Target="../media/image11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67.bin"/></Relationships>
</file>

<file path=ppt/slideLayouts/_rels/slideLayout1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3.xml"/></Relationships>
</file>

<file path=ppt/slideLayouts/_rels/slideLayout1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png"/><Relationship Id="rId1" Type="http://schemas.openxmlformats.org/officeDocument/2006/relationships/slideMaster" Target="../slideMasters/slideMaster3.xml"/></Relationships>
</file>

<file path=ppt/slideLayouts/_rels/slideLayout1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3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3.xml"/></Relationships>
</file>

<file path=ppt/slideLayouts/_rels/slideLayout1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3.xml"/></Relationships>
</file>

<file path=ppt/slideLayouts/_rels/slideLayout1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3.xml"/></Relationships>
</file>

<file path=ppt/slideLayouts/_rels/slideLayout1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3.xml"/></Relationships>
</file>

<file path=ppt/slideLayouts/_rels/slideLayout1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6" Type="http://schemas.openxmlformats.org/officeDocument/2006/relationships/image" Target="../media/image15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67.bin"/></Relationships>
</file>

<file path=ppt/slideLayouts/_rels/slideLayout1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3.xml"/></Relationships>
</file>

<file path=ppt/slideLayouts/_rels/slideLayout1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9.xml"/><Relationship Id="rId5" Type="http://schemas.openxmlformats.org/officeDocument/2006/relationships/image" Target="../media/image16.jpeg"/><Relationship Id="rId4" Type="http://schemas.openxmlformats.org/officeDocument/2006/relationships/image" Target="../media/image7.emf"/></Relationships>
</file>

<file path=ppt/slideLayouts/_rels/slideLayout153.xml.rels><?xml version="1.0" encoding="UTF-8" standalone="yes"?>
<Relationships xmlns="http://schemas.openxmlformats.org/package/2006/relationships"><Relationship Id="rId3" Type="http://schemas.openxmlformats.org/officeDocument/2006/relationships/tags" Target="../tags/tag112.xml"/><Relationship Id="rId7" Type="http://schemas.openxmlformats.org/officeDocument/2006/relationships/image" Target="../media/image5.emf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6" Type="http://schemas.openxmlformats.org/officeDocument/2006/relationships/oleObject" Target="../embeddings/oleObject74.bin"/><Relationship Id="rId5" Type="http://schemas.openxmlformats.org/officeDocument/2006/relationships/slideMaster" Target="../slideMasters/slideMaster3.xml"/><Relationship Id="rId4" Type="http://schemas.openxmlformats.org/officeDocument/2006/relationships/tags" Target="../tags/tag113.xml"/></Relationships>
</file>

<file path=ppt/slideLayouts/_rels/slideLayout1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75.bin"/></Relationships>
</file>

<file path=ppt/slideLayouts/_rels/slideLayout1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76.bin"/></Relationships>
</file>

<file path=ppt/slideLayouts/_rels/slideLayout1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19.xml"/><Relationship Id="rId1" Type="http://schemas.openxmlformats.org/officeDocument/2006/relationships/tags" Target="../tags/tag118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77.bin"/></Relationships>
</file>

<file path=ppt/slideLayouts/_rels/slideLayout157.xml.rels><?xml version="1.0" encoding="UTF-8" standalone="yes"?>
<Relationships xmlns="http://schemas.openxmlformats.org/package/2006/relationships"><Relationship Id="rId3" Type="http://schemas.openxmlformats.org/officeDocument/2006/relationships/tags" Target="../tags/tag122.xml"/><Relationship Id="rId7" Type="http://schemas.openxmlformats.org/officeDocument/2006/relationships/image" Target="../media/image5.emf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6" Type="http://schemas.openxmlformats.org/officeDocument/2006/relationships/oleObject" Target="../embeddings/oleObject78.bin"/><Relationship Id="rId5" Type="http://schemas.openxmlformats.org/officeDocument/2006/relationships/slideMaster" Target="../slideMasters/slideMaster3.xml"/><Relationship Id="rId4" Type="http://schemas.openxmlformats.org/officeDocument/2006/relationships/tags" Target="../tags/tag123.xml"/></Relationships>
</file>

<file path=ppt/slideLayouts/_rels/slideLayout1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25.xml"/><Relationship Id="rId1" Type="http://schemas.openxmlformats.org/officeDocument/2006/relationships/tags" Target="../tags/tag124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79.bin"/></Relationships>
</file>

<file path=ppt/slideLayouts/_rels/slideLayout15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27.xml"/><Relationship Id="rId1" Type="http://schemas.openxmlformats.org/officeDocument/2006/relationships/tags" Target="../tags/tag126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80.bin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6" Type="http://schemas.openxmlformats.org/officeDocument/2006/relationships/image" Target="../media/image6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2.bin"/></Relationships>
</file>

<file path=ppt/slideLayouts/_rels/slideLayout16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29.xml"/><Relationship Id="rId1" Type="http://schemas.openxmlformats.org/officeDocument/2006/relationships/tags" Target="../tags/tag128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81.bin"/></Relationships>
</file>

<file path=ppt/slideLayouts/_rels/slideLayout1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31.xml"/><Relationship Id="rId1" Type="http://schemas.openxmlformats.org/officeDocument/2006/relationships/tags" Target="../tags/tag130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82.bin"/></Relationships>
</file>

<file path=ppt/slideLayouts/_rels/slideLayout1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134.xml"/><Relationship Id="rId1" Type="http://schemas.openxmlformats.org/officeDocument/2006/relationships/tags" Target="../tags/tag133.xml"/><Relationship Id="rId6" Type="http://schemas.openxmlformats.org/officeDocument/2006/relationships/image" Target="../media/image6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84.bin"/></Relationships>
</file>

<file path=ppt/slideLayouts/_rels/slideLayout1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135.xml"/><Relationship Id="rId1" Type="http://schemas.openxmlformats.org/officeDocument/2006/relationships/themeOverride" Target="../theme/themeOverride3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85.bin"/></Relationships>
</file>

<file path=ppt/slideLayouts/_rels/slideLayout1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6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36.xml"/><Relationship Id="rId4" Type="http://schemas.openxmlformats.org/officeDocument/2006/relationships/image" Target="../media/image9.emf"/></Relationships>
</file>

<file path=ppt/slideLayouts/_rels/slideLayout1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7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37.xml"/><Relationship Id="rId4" Type="http://schemas.openxmlformats.org/officeDocument/2006/relationships/image" Target="../media/image9.emf"/></Relationships>
</file>

<file path=ppt/slideLayouts/_rels/slideLayout1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8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38.xml"/><Relationship Id="rId5" Type="http://schemas.openxmlformats.org/officeDocument/2006/relationships/image" Target="../media/image6.png"/><Relationship Id="rId4" Type="http://schemas.openxmlformats.org/officeDocument/2006/relationships/image" Target="../media/image9.emf"/></Relationships>
</file>

<file path=ppt/slideLayouts/_rels/slideLayout168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169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.xml"/><Relationship Id="rId1" Type="http://schemas.openxmlformats.org/officeDocument/2006/relationships/themeOverride" Target="../theme/themeOverride1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.bin"/></Relationships>
</file>

<file path=ppt/slideLayouts/_rels/slideLayout1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9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39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17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0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0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1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4.xml"/></Relationships>
</file>

<file path=ppt/slideLayouts/_rels/slideLayout1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4.xml"/></Relationships>
</file>

<file path=ppt/slideLayouts/_rels/slideLayout1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4.xml"/></Relationships>
</file>

<file path=ppt/slideLayouts/_rels/slideLayout1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1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1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1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4.xml"/></Relationships>
</file>

<file path=ppt/slideLayouts/_rels/slideLayout17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2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2.xml"/><Relationship Id="rId6" Type="http://schemas.openxmlformats.org/officeDocument/2006/relationships/image" Target="../media/image6.png"/><Relationship Id="rId5" Type="http://schemas.openxmlformats.org/officeDocument/2006/relationships/image" Target="../media/image14.png"/><Relationship Id="rId4" Type="http://schemas.openxmlformats.org/officeDocument/2006/relationships/image" Target="../media/image13.emf"/></Relationships>
</file>

<file path=ppt/slideLayouts/_rels/slideLayout1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4.xml"/></Relationships>
</file>

<file path=ppt/slideLayouts/_rels/slideLayout17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3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3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.xml"/><Relationship Id="rId1" Type="http://schemas.openxmlformats.org/officeDocument/2006/relationships/themeOverride" Target="../theme/themeOverride2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.bin"/></Relationships>
</file>

<file path=ppt/slideLayouts/_rels/slideLayout18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4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4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18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5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5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18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6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6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183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18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7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7.xml"/><Relationship Id="rId5" Type="http://schemas.openxmlformats.org/officeDocument/2006/relationships/image" Target="../media/image6.png"/><Relationship Id="rId4" Type="http://schemas.openxmlformats.org/officeDocument/2006/relationships/image" Target="../media/image9.emf"/></Relationships>
</file>

<file path=ppt/slideLayouts/_rels/slideLayout1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7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8.xml"/><Relationship Id="rId6" Type="http://schemas.openxmlformats.org/officeDocument/2006/relationships/image" Target="../media/image8.png"/><Relationship Id="rId5" Type="http://schemas.openxmlformats.org/officeDocument/2006/relationships/image" Target="../media/image15.png"/><Relationship Id="rId4" Type="http://schemas.openxmlformats.org/officeDocument/2006/relationships/image" Target="../media/image13.emf"/></Relationships>
</file>

<file path=ppt/slideLayouts/_rels/slideLayout18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8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49.xml"/><Relationship Id="rId5" Type="http://schemas.openxmlformats.org/officeDocument/2006/relationships/image" Target="../media/image8.png"/><Relationship Id="rId4" Type="http://schemas.openxmlformats.org/officeDocument/2006/relationships/image" Target="../media/image9.emf"/></Relationships>
</file>

<file path=ppt/slideLayouts/_rels/slideLayout1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88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1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6.xml"/><Relationship Id="rId4" Type="http://schemas.openxmlformats.org/officeDocument/2006/relationships/image" Target="../media/image9.emf"/></Relationships>
</file>

<file path=ppt/slideLayouts/_rels/slideLayout1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9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50.xml"/><Relationship Id="rId6" Type="http://schemas.openxmlformats.org/officeDocument/2006/relationships/image" Target="../media/image8.png"/><Relationship Id="rId5" Type="http://schemas.openxmlformats.org/officeDocument/2006/relationships/image" Target="../media/image16.jpeg"/><Relationship Id="rId4" Type="http://schemas.openxmlformats.org/officeDocument/2006/relationships/image" Target="../media/image7.emf"/></Relationships>
</file>

<file path=ppt/slideLayouts/_rels/slideLayout1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9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152.xml"/><Relationship Id="rId1" Type="http://schemas.openxmlformats.org/officeDocument/2006/relationships/tags" Target="../tags/tag151.xml"/><Relationship Id="rId6" Type="http://schemas.openxmlformats.org/officeDocument/2006/relationships/image" Target="../media/image6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100.bin"/></Relationships>
</file>

<file path=ppt/slideLayouts/_rels/slideLayout1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1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53.xml"/><Relationship Id="rId4" Type="http://schemas.openxmlformats.org/officeDocument/2006/relationships/image" Target="../media/image9.emf"/></Relationships>
</file>

<file path=ppt/slideLayouts/_rels/slideLayout1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9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4.xml"/></Relationships>
</file>

<file path=ppt/slideLayouts/_rels/slideLayout19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2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54.xml"/><Relationship Id="rId4" Type="http://schemas.openxmlformats.org/officeDocument/2006/relationships/image" Target="../media/image9.emf"/></Relationships>
</file>

<file path=ppt/slideLayouts/_rels/slideLayout1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3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55.xml"/><Relationship Id="rId4" Type="http://schemas.openxmlformats.org/officeDocument/2006/relationships/image" Target="../media/image9.emf"/></Relationships>
</file>

<file path=ppt/slideLayouts/_rels/slideLayout1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4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56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19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5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57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.xml"/><Relationship Id="rId4" Type="http://schemas.openxmlformats.org/officeDocument/2006/relationships/image" Target="../media/image9.emf"/></Relationships>
</file>

<file path=ppt/slideLayouts/_rels/slideLayout2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6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58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7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59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0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8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0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0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9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1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0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0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2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13.emf"/></Relationships>
</file>

<file path=ppt/slideLayouts/_rels/slideLayout2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1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3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0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2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4.xml"/><Relationship Id="rId6" Type="http://schemas.openxmlformats.org/officeDocument/2006/relationships/image" Target="../media/image6.png"/><Relationship Id="rId5" Type="http://schemas.openxmlformats.org/officeDocument/2006/relationships/image" Target="../media/image14.png"/><Relationship Id="rId4" Type="http://schemas.openxmlformats.org/officeDocument/2006/relationships/image" Target="../media/image9.emf"/></Relationships>
</file>

<file path=ppt/slideLayouts/_rels/slideLayout20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3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5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0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4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6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20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5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7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8.xml"/><Relationship Id="rId5" Type="http://schemas.openxmlformats.org/officeDocument/2006/relationships/image" Target="../media/image6.png"/><Relationship Id="rId4" Type="http://schemas.openxmlformats.org/officeDocument/2006/relationships/image" Target="../media/image9.emf"/></Relationships>
</file>

<file path=ppt/slideLayouts/_rels/slideLayout2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6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8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2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7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69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2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8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70.xml"/><Relationship Id="rId4" Type="http://schemas.openxmlformats.org/officeDocument/2006/relationships/image" Target="../media/image9.emf"/></Relationships>
</file>

<file path=ppt/slideLayouts/_rels/slideLayout2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7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71.xml"/><Relationship Id="rId6" Type="http://schemas.openxmlformats.org/officeDocument/2006/relationships/image" Target="../media/image8.png"/><Relationship Id="rId5" Type="http://schemas.openxmlformats.org/officeDocument/2006/relationships/image" Target="../media/image15.png"/><Relationship Id="rId4" Type="http://schemas.openxmlformats.org/officeDocument/2006/relationships/image" Target="../media/image7.emf"/></Relationships>
</file>

<file path=ppt/slideLayouts/_rels/slideLayout2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9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72.xml"/><Relationship Id="rId5" Type="http://schemas.openxmlformats.org/officeDocument/2006/relationships/image" Target="../media/image8.png"/><Relationship Id="rId4" Type="http://schemas.openxmlformats.org/officeDocument/2006/relationships/image" Target="../media/image9.emf"/></Relationships>
</file>

<file path=ppt/slideLayouts/_rels/slideLayout2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4.xml"/></Relationships>
</file>

<file path=ppt/slideLayouts/_rels/slideLayout2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2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22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0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73.xml"/><Relationship Id="rId6" Type="http://schemas.openxmlformats.org/officeDocument/2006/relationships/image" Target="../media/image8.png"/><Relationship Id="rId5" Type="http://schemas.openxmlformats.org/officeDocument/2006/relationships/image" Target="../media/image16.jpeg"/><Relationship Id="rId4" Type="http://schemas.openxmlformats.org/officeDocument/2006/relationships/image" Target="../media/image7.emf"/></Relationships>
</file>

<file path=ppt/slideLayouts/_rels/slideLayout2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175.xml"/><Relationship Id="rId1" Type="http://schemas.openxmlformats.org/officeDocument/2006/relationships/tags" Target="../tags/tag174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21.bin"/></Relationships>
</file>

<file path=ppt/slideLayouts/_rels/slideLayout2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2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76.xml"/><Relationship Id="rId5" Type="http://schemas.openxmlformats.org/officeDocument/2006/relationships/image" Target="../media/image8.png"/><Relationship Id="rId4" Type="http://schemas.openxmlformats.org/officeDocument/2006/relationships/image" Target="../media/image5.emf"/></Relationships>
</file>

<file path=ppt/slideLayouts/_rels/slideLayout2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3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77.xml"/><Relationship Id="rId5" Type="http://schemas.openxmlformats.org/officeDocument/2006/relationships/image" Target="../media/image8.png"/><Relationship Id="rId4" Type="http://schemas.openxmlformats.org/officeDocument/2006/relationships/image" Target="../media/image5.emf"/></Relationships>
</file>

<file path=ppt/slideLayouts/_rels/slideLayout2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4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78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5.emf"/></Relationships>
</file>

<file path=ppt/slideLayouts/_rels/slideLayout2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180.xml"/><Relationship Id="rId1" Type="http://schemas.openxmlformats.org/officeDocument/2006/relationships/tags" Target="../tags/tag179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125.bin"/></Relationships>
</file>

<file path=ppt/slideLayouts/_rels/slideLayout2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6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81.xml"/><Relationship Id="rId4" Type="http://schemas.openxmlformats.org/officeDocument/2006/relationships/image" Target="../media/image5.emf"/></Relationships>
</file>

<file path=ppt/slideLayouts/_rels/slideLayout2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7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82.xml"/><Relationship Id="rId4" Type="http://schemas.openxmlformats.org/officeDocument/2006/relationships/image" Target="../media/image5.emf"/></Relationships>
</file>

<file path=ppt/slideLayouts/_rels/slideLayout22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8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83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5.emf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23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9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84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5.emf"/></Relationships>
</file>

<file path=ppt/slideLayouts/_rels/slideLayout23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0.bin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85.xml"/><Relationship Id="rId5" Type="http://schemas.openxmlformats.org/officeDocument/2006/relationships/image" Target="../media/image6.png"/><Relationship Id="rId4" Type="http://schemas.openxmlformats.org/officeDocument/2006/relationships/image" Target="../media/image17.emf"/></Relationships>
</file>

<file path=ppt/slideLayouts/_rels/slideLayout2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188.xml"/><Relationship Id="rId1" Type="http://schemas.openxmlformats.org/officeDocument/2006/relationships/tags" Target="../tags/tag187.xml"/><Relationship Id="rId6" Type="http://schemas.openxmlformats.org/officeDocument/2006/relationships/image" Target="../media/image6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132.bin"/></Relationships>
</file>

<file path=ppt/slideLayouts/_rels/slideLayout2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189.xml"/><Relationship Id="rId1" Type="http://schemas.openxmlformats.org/officeDocument/2006/relationships/themeOverride" Target="../theme/themeOverride4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33.bin"/></Relationships>
</file>

<file path=ppt/slideLayouts/_rels/slideLayout23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4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0.xml"/><Relationship Id="rId4" Type="http://schemas.openxmlformats.org/officeDocument/2006/relationships/image" Target="../media/image9.emf"/></Relationships>
</file>

<file path=ppt/slideLayouts/_rels/slideLayout2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5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1.xml"/><Relationship Id="rId4" Type="http://schemas.openxmlformats.org/officeDocument/2006/relationships/image" Target="../media/image9.emf"/></Relationships>
</file>

<file path=ppt/slideLayouts/_rels/slideLayout2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6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2.xml"/><Relationship Id="rId5" Type="http://schemas.openxmlformats.org/officeDocument/2006/relationships/image" Target="../media/image6.png"/><Relationship Id="rId4" Type="http://schemas.openxmlformats.org/officeDocument/2006/relationships/image" Target="../media/image9.emf"/></Relationships>
</file>

<file path=ppt/slideLayouts/_rels/slideLayout2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5.xml"/></Relationships>
</file>

<file path=ppt/slideLayouts/_rels/slideLayout2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5.xml"/></Relationships>
</file>

<file path=ppt/slideLayouts/_rels/slideLayout2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7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3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6.png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6" Type="http://schemas.openxmlformats.org/officeDocument/2006/relationships/image" Target="../media/image10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8.bin"/></Relationships>
</file>

<file path=ppt/slideLayouts/_rels/slideLayout24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8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4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5.xml"/></Relationships>
</file>

<file path=ppt/slideLayouts/_rels/slideLayout2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5.xml"/></Relationships>
</file>

<file path=ppt/slideLayouts/_rels/slideLayout2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5.xml"/></Relationships>
</file>

<file path=ppt/slideLayouts/_rels/slideLayout2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9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5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2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5.xml"/></Relationships>
</file>

<file path=ppt/slideLayouts/_rels/slideLayout2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0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6.xml"/><Relationship Id="rId6" Type="http://schemas.openxmlformats.org/officeDocument/2006/relationships/image" Target="../media/image6.png"/><Relationship Id="rId5" Type="http://schemas.openxmlformats.org/officeDocument/2006/relationships/image" Target="../media/image14.png"/><Relationship Id="rId4" Type="http://schemas.openxmlformats.org/officeDocument/2006/relationships/image" Target="../media/image13.emf"/></Relationships>
</file>

<file path=ppt/slideLayouts/_rels/slideLayout2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5.xml"/></Relationships>
</file>

<file path=ppt/slideLayouts/_rels/slideLayout2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1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7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2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2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8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1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3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9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2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4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0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52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5.xml"/></Relationships>
</file>

<file path=ppt/slideLayouts/_rels/slideLayout2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5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1.xml"/><Relationship Id="rId5" Type="http://schemas.openxmlformats.org/officeDocument/2006/relationships/image" Target="../media/image6.png"/><Relationship Id="rId4" Type="http://schemas.openxmlformats.org/officeDocument/2006/relationships/image" Target="../media/image9.emf"/></Relationships>
</file>

<file path=ppt/slideLayouts/_rels/slideLayout25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6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2.xml"/><Relationship Id="rId6" Type="http://schemas.openxmlformats.org/officeDocument/2006/relationships/image" Target="../media/image8.png"/><Relationship Id="rId5" Type="http://schemas.openxmlformats.org/officeDocument/2006/relationships/image" Target="../media/image15.png"/><Relationship Id="rId4" Type="http://schemas.openxmlformats.org/officeDocument/2006/relationships/image" Target="../media/image13.emf"/></Relationships>
</file>

<file path=ppt/slideLayouts/_rels/slideLayout2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7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3.xml"/><Relationship Id="rId5" Type="http://schemas.openxmlformats.org/officeDocument/2006/relationships/image" Target="../media/image8.png"/><Relationship Id="rId4" Type="http://schemas.openxmlformats.org/officeDocument/2006/relationships/image" Target="../media/image9.emf"/></Relationships>
</file>

<file path=ppt/slideLayouts/_rels/slideLayout2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57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5.xml"/></Relationships>
</file>

<file path=ppt/slideLayouts/_rels/slideLayout2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8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4.xml"/><Relationship Id="rId6" Type="http://schemas.openxmlformats.org/officeDocument/2006/relationships/image" Target="../media/image8.png"/><Relationship Id="rId5" Type="http://schemas.openxmlformats.org/officeDocument/2006/relationships/image" Target="../media/image16.jpeg"/><Relationship Id="rId4" Type="http://schemas.openxmlformats.org/officeDocument/2006/relationships/image" Target="../media/image7.emf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6.png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image" Target="../media/image10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10.bin"/></Relationships>
</file>

<file path=ppt/slideLayouts/_rels/slideLayout2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206.xml"/><Relationship Id="rId1" Type="http://schemas.openxmlformats.org/officeDocument/2006/relationships/tags" Target="../tags/tag205.xml"/><Relationship Id="rId6" Type="http://schemas.openxmlformats.org/officeDocument/2006/relationships/image" Target="../media/image6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149.bin"/></Relationships>
</file>

<file path=ppt/slideLayouts/_rels/slideLayout2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0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7.xml"/><Relationship Id="rId4" Type="http://schemas.openxmlformats.org/officeDocument/2006/relationships/image" Target="../media/image9.emf"/></Relationships>
</file>

<file path=ppt/slideLayouts/_rels/slideLayout2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6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5.xml"/></Relationships>
</file>

<file path=ppt/slideLayouts/_rels/slideLayout2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1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8.xml"/><Relationship Id="rId4" Type="http://schemas.openxmlformats.org/officeDocument/2006/relationships/image" Target="../media/image9.emf"/></Relationships>
</file>

<file path=ppt/slideLayouts/_rels/slideLayout2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2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9.xml"/><Relationship Id="rId4" Type="http://schemas.openxmlformats.org/officeDocument/2006/relationships/image" Target="../media/image9.emf"/></Relationships>
</file>

<file path=ppt/slideLayouts/_rels/slideLayout2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3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0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4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1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5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2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2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6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3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7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7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4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7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8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5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27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9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6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13.emf"/></Relationships>
</file>

<file path=ppt/slideLayouts/_rels/slideLayout27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0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7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1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8.xml"/><Relationship Id="rId6" Type="http://schemas.openxmlformats.org/officeDocument/2006/relationships/image" Target="../media/image6.png"/><Relationship Id="rId5" Type="http://schemas.openxmlformats.org/officeDocument/2006/relationships/image" Target="../media/image14.png"/><Relationship Id="rId4" Type="http://schemas.openxmlformats.org/officeDocument/2006/relationships/image" Target="../media/image9.emf"/></Relationships>
</file>

<file path=ppt/slideLayouts/_rels/slideLayout27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2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9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7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3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0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27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4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1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7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5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2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4.xml"/><Relationship Id="rId4" Type="http://schemas.openxmlformats.org/officeDocument/2006/relationships/image" Target="../media/image8.png"/></Relationships>
</file>

<file path=ppt/slideLayouts/_rels/slideLayout28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6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3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281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5.xml"/></Relationships>
</file>

<file path=ppt/slideLayouts/_rels/slideLayout28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7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4.xml"/><Relationship Id="rId4" Type="http://schemas.openxmlformats.org/officeDocument/2006/relationships/image" Target="../media/image9.emf"/></Relationships>
</file>

<file path=ppt/slideLayouts/_rels/slideLayout28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8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5.xml"/><Relationship Id="rId6" Type="http://schemas.openxmlformats.org/officeDocument/2006/relationships/image" Target="../media/image8.png"/><Relationship Id="rId5" Type="http://schemas.openxmlformats.org/officeDocument/2006/relationships/image" Target="../media/image15.png"/><Relationship Id="rId4" Type="http://schemas.openxmlformats.org/officeDocument/2006/relationships/image" Target="../media/image7.emf"/></Relationships>
</file>

<file path=ppt/slideLayouts/_rels/slideLayout28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9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6.xml"/><Relationship Id="rId5" Type="http://schemas.openxmlformats.org/officeDocument/2006/relationships/image" Target="../media/image8.png"/><Relationship Id="rId4" Type="http://schemas.openxmlformats.org/officeDocument/2006/relationships/image" Target="../media/image9.emf"/></Relationships>
</file>

<file path=ppt/slideLayouts/_rels/slideLayout2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5.xml"/></Relationships>
</file>

<file path=ppt/slideLayouts/_rels/slideLayout286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5.xml"/></Relationships>
</file>

<file path=ppt/slideLayouts/_rels/slideLayout2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0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7.xml"/><Relationship Id="rId6" Type="http://schemas.openxmlformats.org/officeDocument/2006/relationships/image" Target="../media/image8.png"/><Relationship Id="rId5" Type="http://schemas.openxmlformats.org/officeDocument/2006/relationships/image" Target="../media/image16.jpeg"/><Relationship Id="rId4" Type="http://schemas.openxmlformats.org/officeDocument/2006/relationships/image" Target="../media/image7.emf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5.xml"/><Relationship Id="rId4" Type="http://schemas.openxmlformats.org/officeDocument/2006/relationships/image" Target="../media/image8.png"/></Relationships>
</file>

<file path=ppt/slideLayouts/_rels/slideLayout2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9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229.xml"/><Relationship Id="rId1" Type="http://schemas.openxmlformats.org/officeDocument/2006/relationships/tags" Target="../tags/tag228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1.bin"/></Relationships>
</file>

<file path=ppt/slideLayouts/_rels/slideLayout2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2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0.xml"/><Relationship Id="rId5" Type="http://schemas.openxmlformats.org/officeDocument/2006/relationships/image" Target="../media/image8.png"/><Relationship Id="rId4" Type="http://schemas.openxmlformats.org/officeDocument/2006/relationships/image" Target="../media/image5.emf"/></Relationships>
</file>

<file path=ppt/slideLayouts/_rels/slideLayout2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3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1.xml"/><Relationship Id="rId5" Type="http://schemas.openxmlformats.org/officeDocument/2006/relationships/image" Target="../media/image8.png"/><Relationship Id="rId4" Type="http://schemas.openxmlformats.org/officeDocument/2006/relationships/image" Target="../media/image5.emf"/></Relationships>
</file>

<file path=ppt/slideLayouts/_rels/slideLayout2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4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2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5.emf"/></Relationships>
</file>

<file path=ppt/slideLayouts/_rels/slideLayout2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234.xml"/><Relationship Id="rId1" Type="http://schemas.openxmlformats.org/officeDocument/2006/relationships/tags" Target="../tags/tag233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5.bin"/></Relationships>
</file>

<file path=ppt/slideLayouts/_rels/slideLayout29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6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5.xml"/><Relationship Id="rId4" Type="http://schemas.openxmlformats.org/officeDocument/2006/relationships/image" Target="../media/image5.emf"/></Relationships>
</file>

<file path=ppt/slideLayouts/_rels/slideLayout2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7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6.xml"/><Relationship Id="rId4" Type="http://schemas.openxmlformats.org/officeDocument/2006/relationships/image" Target="../media/image5.emf"/></Relationships>
</file>

<file path=ppt/slideLayouts/_rels/slideLayout2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8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7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5.emf"/></Relationships>
</file>

<file path=ppt/slideLayouts/_rels/slideLayout29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9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8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5.emf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6.png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image" Target="../media/image11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11.bin"/></Relationships>
</file>

<file path=ppt/slideLayouts/_rels/slideLayout3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0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9.xml"/><Relationship Id="rId5" Type="http://schemas.openxmlformats.org/officeDocument/2006/relationships/image" Target="../media/image6.png"/><Relationship Id="rId4" Type="http://schemas.openxmlformats.org/officeDocument/2006/relationships/image" Target="../media/image17.emf"/></Relationships>
</file>

<file path=ppt/slideLayouts/_rels/slideLayout3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0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2" Type="http://schemas.openxmlformats.org/officeDocument/2006/relationships/tags" Target="../tags/tag243.xml"/><Relationship Id="rId1" Type="http://schemas.openxmlformats.org/officeDocument/2006/relationships/tags" Target="../tags/tag242.xml"/><Relationship Id="rId6" Type="http://schemas.openxmlformats.org/officeDocument/2006/relationships/image" Target="../media/image6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132.bin"/></Relationships>
</file>

<file path=ppt/slideLayouts/_rels/slideLayout30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2" Type="http://schemas.openxmlformats.org/officeDocument/2006/relationships/tags" Target="../tags/tag244.xml"/><Relationship Id="rId1" Type="http://schemas.openxmlformats.org/officeDocument/2006/relationships/themeOverride" Target="../theme/themeOverride5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33.bin"/></Relationships>
</file>

<file path=ppt/slideLayouts/_rels/slideLayout30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4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45.xml"/><Relationship Id="rId4" Type="http://schemas.openxmlformats.org/officeDocument/2006/relationships/image" Target="../media/image9.emf"/></Relationships>
</file>

<file path=ppt/slideLayouts/_rels/slideLayout3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5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46.xml"/><Relationship Id="rId4" Type="http://schemas.openxmlformats.org/officeDocument/2006/relationships/image" Target="../media/image9.emf"/></Relationships>
</file>

<file path=ppt/slideLayouts/_rels/slideLayout30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6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47.xml"/><Relationship Id="rId5" Type="http://schemas.openxmlformats.org/officeDocument/2006/relationships/image" Target="../media/image6.png"/><Relationship Id="rId4" Type="http://schemas.openxmlformats.org/officeDocument/2006/relationships/image" Target="../media/image9.emf"/></Relationships>
</file>

<file path=ppt/slideLayouts/_rels/slideLayout307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6.xml"/></Relationships>
</file>

<file path=ppt/slideLayouts/_rels/slideLayout308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6.xml"/></Relationships>
</file>

<file path=ppt/slideLayouts/_rels/slideLayout30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7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48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3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8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49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3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6.xml"/></Relationships>
</file>

<file path=ppt/slideLayouts/_rels/slideLayout3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6.xml"/></Relationships>
</file>

<file path=ppt/slideLayouts/_rels/slideLayout3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6.xml"/></Relationships>
</file>

<file path=ppt/slideLayouts/_rels/slideLayout3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9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50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3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6.xml"/></Relationships>
</file>

<file path=ppt/slideLayouts/_rels/slideLayout31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7.bin"/><Relationship Id="rId3" Type="http://schemas.openxmlformats.org/officeDocument/2006/relationships/slideMaster" Target="../slideMasters/slideMaster6.xml"/><Relationship Id="rId7" Type="http://schemas.openxmlformats.org/officeDocument/2006/relationships/image" Target="../media/image6.png"/><Relationship Id="rId2" Type="http://schemas.openxmlformats.org/officeDocument/2006/relationships/tags" Target="../tags/tag252.xml"/><Relationship Id="rId1" Type="http://schemas.openxmlformats.org/officeDocument/2006/relationships/tags" Target="../tags/tag251.xml"/><Relationship Id="rId6" Type="http://schemas.openxmlformats.org/officeDocument/2006/relationships/image" Target="../media/image14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140.bin"/></Relationships>
</file>

<file path=ppt/slideLayouts/_rels/slideLayout3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6.xml"/></Relationships>
</file>

<file path=ppt/slideLayouts/_rels/slideLayout3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1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53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3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2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54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6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image" Target="../media/image14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12.bin"/></Relationships>
</file>

<file path=ppt/slideLayouts/_rels/slideLayout32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3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55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3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4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56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3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6.xml"/></Relationships>
</file>

<file path=ppt/slideLayouts/_rels/slideLayout3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5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57.xml"/><Relationship Id="rId5" Type="http://schemas.openxmlformats.org/officeDocument/2006/relationships/image" Target="../media/image6.png"/><Relationship Id="rId4" Type="http://schemas.openxmlformats.org/officeDocument/2006/relationships/image" Target="../media/image9.emf"/></Relationships>
</file>

<file path=ppt/slideLayouts/_rels/slideLayout32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7.bin"/><Relationship Id="rId3" Type="http://schemas.openxmlformats.org/officeDocument/2006/relationships/slideMaster" Target="../slideMasters/slideMaster6.xml"/><Relationship Id="rId7" Type="http://schemas.openxmlformats.org/officeDocument/2006/relationships/image" Target="../media/image8.png"/><Relationship Id="rId2" Type="http://schemas.openxmlformats.org/officeDocument/2006/relationships/tags" Target="../tags/tag259.xml"/><Relationship Id="rId1" Type="http://schemas.openxmlformats.org/officeDocument/2006/relationships/tags" Target="../tags/tag258.xml"/><Relationship Id="rId6" Type="http://schemas.openxmlformats.org/officeDocument/2006/relationships/image" Target="../media/image15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146.bin"/></Relationships>
</file>

<file path=ppt/slideLayouts/_rels/slideLayout3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7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60.xml"/><Relationship Id="rId5" Type="http://schemas.openxmlformats.org/officeDocument/2006/relationships/image" Target="../media/image8.png"/><Relationship Id="rId4" Type="http://schemas.openxmlformats.org/officeDocument/2006/relationships/image" Target="../media/image9.emf"/></Relationships>
</file>

<file path=ppt/slideLayouts/_rels/slideLayout3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3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6.xml"/></Relationships>
</file>

<file path=ppt/slideLayouts/_rels/slideLayout3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3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jpeg"/><Relationship Id="rId3" Type="http://schemas.openxmlformats.org/officeDocument/2006/relationships/tags" Target="../tags/tag263.xml"/><Relationship Id="rId7" Type="http://schemas.openxmlformats.org/officeDocument/2006/relationships/image" Target="../media/image7.emf"/><Relationship Id="rId2" Type="http://schemas.openxmlformats.org/officeDocument/2006/relationships/tags" Target="../tags/tag262.xml"/><Relationship Id="rId1" Type="http://schemas.openxmlformats.org/officeDocument/2006/relationships/tags" Target="../tags/tag261.xml"/><Relationship Id="rId6" Type="http://schemas.openxmlformats.org/officeDocument/2006/relationships/oleObject" Target="../embeddings/oleObject148.bin"/><Relationship Id="rId11" Type="http://schemas.openxmlformats.org/officeDocument/2006/relationships/image" Target="../media/image24.jpeg"/><Relationship Id="rId5" Type="http://schemas.openxmlformats.org/officeDocument/2006/relationships/slideMaster" Target="../slideMasters/slideMaster6.xml"/><Relationship Id="rId10" Type="http://schemas.openxmlformats.org/officeDocument/2006/relationships/oleObject" Target="../embeddings/oleObject72.bin"/><Relationship Id="rId4" Type="http://schemas.openxmlformats.org/officeDocument/2006/relationships/tags" Target="../tags/tag264.xml"/><Relationship Id="rId9" Type="http://schemas.openxmlformats.org/officeDocument/2006/relationships/image" Target="../media/image8.png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3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3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2" Type="http://schemas.openxmlformats.org/officeDocument/2006/relationships/tags" Target="../tags/tag266.xml"/><Relationship Id="rId1" Type="http://schemas.openxmlformats.org/officeDocument/2006/relationships/tags" Target="../tags/tag265.xml"/><Relationship Id="rId6" Type="http://schemas.openxmlformats.org/officeDocument/2006/relationships/image" Target="../media/image6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149.bin"/></Relationships>
</file>

<file path=ppt/slideLayouts/_rels/slideLayout3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0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67.xml"/><Relationship Id="rId4" Type="http://schemas.openxmlformats.org/officeDocument/2006/relationships/image" Target="../media/image9.emf"/></Relationships>
</file>

<file path=ppt/slideLayouts/_rels/slideLayout3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3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6.xml"/></Relationships>
</file>

<file path=ppt/slideLayouts/_rels/slideLayout3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1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68.xml"/><Relationship Id="rId4" Type="http://schemas.openxmlformats.org/officeDocument/2006/relationships/image" Target="../media/image9.emf"/></Relationships>
</file>

<file path=ppt/slideLayouts/_rels/slideLayout3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2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69.xml"/><Relationship Id="rId4" Type="http://schemas.openxmlformats.org/officeDocument/2006/relationships/image" Target="../media/image9.emf"/></Relationships>
</file>

<file path=ppt/slideLayouts/_rels/slideLayout33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3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70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33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4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71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3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5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72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6.png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image" Target="../media/image11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13.bin"/></Relationships>
</file>

<file path=ppt/slideLayouts/_rels/slideLayout34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6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73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3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7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74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34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8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75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34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7.bin"/><Relationship Id="rId3" Type="http://schemas.openxmlformats.org/officeDocument/2006/relationships/slideMaster" Target="../slideMasters/slideMaster6.xml"/><Relationship Id="rId7" Type="http://schemas.openxmlformats.org/officeDocument/2006/relationships/image" Target="../media/image6.png"/><Relationship Id="rId2" Type="http://schemas.openxmlformats.org/officeDocument/2006/relationships/tags" Target="../tags/tag277.xml"/><Relationship Id="rId1" Type="http://schemas.openxmlformats.org/officeDocument/2006/relationships/tags" Target="../tags/tag276.xml"/><Relationship Id="rId6" Type="http://schemas.openxmlformats.org/officeDocument/2006/relationships/image" Target="../media/image11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159.bin"/></Relationships>
</file>

<file path=ppt/slideLayouts/_rels/slideLayout3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0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78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3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1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79.xml"/><Relationship Id="rId6" Type="http://schemas.openxmlformats.org/officeDocument/2006/relationships/image" Target="../media/image6.png"/><Relationship Id="rId5" Type="http://schemas.openxmlformats.org/officeDocument/2006/relationships/image" Target="../media/image14.png"/><Relationship Id="rId4" Type="http://schemas.openxmlformats.org/officeDocument/2006/relationships/image" Target="../media/image9.emf"/></Relationships>
</file>

<file path=ppt/slideLayouts/_rels/slideLayout3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2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80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3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3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81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3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4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82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3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5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83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22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3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6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84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351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6.xml"/></Relationships>
</file>

<file path=ppt/slideLayouts/_rels/slideLayout3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7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85.xml"/><Relationship Id="rId4" Type="http://schemas.openxmlformats.org/officeDocument/2006/relationships/image" Target="../media/image9.emf"/></Relationships>
</file>

<file path=ppt/slideLayouts/_rels/slideLayout35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7.bin"/><Relationship Id="rId3" Type="http://schemas.openxmlformats.org/officeDocument/2006/relationships/slideMaster" Target="../slideMasters/slideMaster6.xml"/><Relationship Id="rId7" Type="http://schemas.openxmlformats.org/officeDocument/2006/relationships/image" Target="../media/image8.png"/><Relationship Id="rId2" Type="http://schemas.openxmlformats.org/officeDocument/2006/relationships/tags" Target="../tags/tag287.xml"/><Relationship Id="rId1" Type="http://schemas.openxmlformats.org/officeDocument/2006/relationships/tags" Target="../tags/tag286.xml"/><Relationship Id="rId6" Type="http://schemas.openxmlformats.org/officeDocument/2006/relationships/image" Target="../media/image15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168.bin"/></Relationships>
</file>

<file path=ppt/slideLayouts/_rels/slideLayout35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9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88.xml"/><Relationship Id="rId5" Type="http://schemas.openxmlformats.org/officeDocument/2006/relationships/image" Target="../media/image8.png"/><Relationship Id="rId4" Type="http://schemas.openxmlformats.org/officeDocument/2006/relationships/image" Target="../media/image9.emf"/></Relationships>
</file>

<file path=ppt/slideLayouts/_rels/slideLayout3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6.xml"/></Relationships>
</file>

<file path=ppt/slideLayouts/_rels/slideLayout356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6.xml"/></Relationships>
</file>

<file path=ppt/slideLayouts/_rels/slideLayout3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3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3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0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289.xml"/><Relationship Id="rId6" Type="http://schemas.openxmlformats.org/officeDocument/2006/relationships/image" Target="../media/image8.png"/><Relationship Id="rId5" Type="http://schemas.openxmlformats.org/officeDocument/2006/relationships/image" Target="../media/image16.jpeg"/><Relationship Id="rId4" Type="http://schemas.openxmlformats.org/officeDocument/2006/relationships/image" Target="../media/image7.emf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6.png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6" Type="http://schemas.openxmlformats.org/officeDocument/2006/relationships/image" Target="../media/image11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15.bin"/></Relationships>
</file>

<file path=ppt/slideLayouts/_rels/slideLayout3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361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292.xml"/><Relationship Id="rId7" Type="http://schemas.openxmlformats.org/officeDocument/2006/relationships/image" Target="../media/image5.emf"/><Relationship Id="rId2" Type="http://schemas.openxmlformats.org/officeDocument/2006/relationships/tags" Target="../tags/tag291.xml"/><Relationship Id="rId1" Type="http://schemas.openxmlformats.org/officeDocument/2006/relationships/tags" Target="../tags/tag290.xml"/><Relationship Id="rId6" Type="http://schemas.openxmlformats.org/officeDocument/2006/relationships/oleObject" Target="../embeddings/oleObject171.bin"/><Relationship Id="rId5" Type="http://schemas.openxmlformats.org/officeDocument/2006/relationships/slideMaster" Target="../slideMasters/slideMaster6.xml"/><Relationship Id="rId4" Type="http://schemas.openxmlformats.org/officeDocument/2006/relationships/tags" Target="../tags/tag293.xml"/><Relationship Id="rId9" Type="http://schemas.openxmlformats.org/officeDocument/2006/relationships/oleObject" Target="../embeddings/oleObject74.bin"/></Relationships>
</file>

<file path=ppt/slideLayouts/_rels/slideLayout3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7" Type="http://schemas.openxmlformats.org/officeDocument/2006/relationships/oleObject" Target="../embeddings/oleObject75.bin"/><Relationship Id="rId2" Type="http://schemas.openxmlformats.org/officeDocument/2006/relationships/tags" Target="../tags/tag295.xml"/><Relationship Id="rId1" Type="http://schemas.openxmlformats.org/officeDocument/2006/relationships/tags" Target="../tags/tag294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2.bin"/></Relationships>
</file>

<file path=ppt/slideLayouts/_rels/slideLayout3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7" Type="http://schemas.openxmlformats.org/officeDocument/2006/relationships/oleObject" Target="../embeddings/oleObject76.bin"/><Relationship Id="rId2" Type="http://schemas.openxmlformats.org/officeDocument/2006/relationships/tags" Target="../tags/tag297.xml"/><Relationship Id="rId1" Type="http://schemas.openxmlformats.org/officeDocument/2006/relationships/tags" Target="../tags/tag296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3.bin"/></Relationships>
</file>

<file path=ppt/slideLayouts/_rels/slideLayout36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7.bin"/><Relationship Id="rId3" Type="http://schemas.openxmlformats.org/officeDocument/2006/relationships/slideMaster" Target="../slideMasters/slideMaster6.xml"/><Relationship Id="rId7" Type="http://schemas.openxmlformats.org/officeDocument/2006/relationships/image" Target="../media/image8.png"/><Relationship Id="rId2" Type="http://schemas.openxmlformats.org/officeDocument/2006/relationships/tags" Target="../tags/tag299.xml"/><Relationship Id="rId1" Type="http://schemas.openxmlformats.org/officeDocument/2006/relationships/tags" Target="../tags/tag298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4.bin"/></Relationships>
</file>

<file path=ppt/slideLayouts/_rels/slideLayout36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8.bin"/><Relationship Id="rId3" Type="http://schemas.openxmlformats.org/officeDocument/2006/relationships/tags" Target="../tags/tag302.xml"/><Relationship Id="rId7" Type="http://schemas.openxmlformats.org/officeDocument/2006/relationships/image" Target="../media/image5.emf"/><Relationship Id="rId2" Type="http://schemas.openxmlformats.org/officeDocument/2006/relationships/tags" Target="../tags/tag301.xml"/><Relationship Id="rId1" Type="http://schemas.openxmlformats.org/officeDocument/2006/relationships/tags" Target="../tags/tag300.xml"/><Relationship Id="rId6" Type="http://schemas.openxmlformats.org/officeDocument/2006/relationships/oleObject" Target="../embeddings/oleObject175.bin"/><Relationship Id="rId5" Type="http://schemas.openxmlformats.org/officeDocument/2006/relationships/slideMaster" Target="../slideMasters/slideMaster6.xml"/><Relationship Id="rId4" Type="http://schemas.openxmlformats.org/officeDocument/2006/relationships/tags" Target="../tags/tag303.xml"/></Relationships>
</file>

<file path=ppt/slideLayouts/_rels/slideLayout3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2" Type="http://schemas.openxmlformats.org/officeDocument/2006/relationships/tags" Target="../tags/tag305.xml"/><Relationship Id="rId1" Type="http://schemas.openxmlformats.org/officeDocument/2006/relationships/tags" Target="../tags/tag304.xml"/><Relationship Id="rId6" Type="http://schemas.openxmlformats.org/officeDocument/2006/relationships/oleObject" Target="../embeddings/oleObject79.bin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6.bin"/></Relationships>
</file>

<file path=ppt/slideLayouts/_rels/slideLayout3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2" Type="http://schemas.openxmlformats.org/officeDocument/2006/relationships/tags" Target="../tags/tag307.xml"/><Relationship Id="rId1" Type="http://schemas.openxmlformats.org/officeDocument/2006/relationships/tags" Target="../tags/tag306.xml"/><Relationship Id="rId6" Type="http://schemas.openxmlformats.org/officeDocument/2006/relationships/oleObject" Target="../embeddings/oleObject80.bin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7.bin"/></Relationships>
</file>

<file path=ppt/slideLayouts/_rels/slideLayout36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1.bin"/><Relationship Id="rId3" Type="http://schemas.openxmlformats.org/officeDocument/2006/relationships/slideMaster" Target="../slideMasters/slideMaster6.xml"/><Relationship Id="rId7" Type="http://schemas.openxmlformats.org/officeDocument/2006/relationships/image" Target="../media/image8.png"/><Relationship Id="rId2" Type="http://schemas.openxmlformats.org/officeDocument/2006/relationships/tags" Target="../tags/tag309.xml"/><Relationship Id="rId1" Type="http://schemas.openxmlformats.org/officeDocument/2006/relationships/tags" Target="../tags/tag308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8.bin"/></Relationships>
</file>

<file path=ppt/slideLayouts/_rels/slideLayout36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2.bin"/><Relationship Id="rId3" Type="http://schemas.openxmlformats.org/officeDocument/2006/relationships/slideMaster" Target="../slideMasters/slideMaster6.xml"/><Relationship Id="rId7" Type="http://schemas.openxmlformats.org/officeDocument/2006/relationships/image" Target="../media/image6.png"/><Relationship Id="rId2" Type="http://schemas.openxmlformats.org/officeDocument/2006/relationships/tags" Target="../tags/tag311.xml"/><Relationship Id="rId1" Type="http://schemas.openxmlformats.org/officeDocument/2006/relationships/tags" Target="../tags/tag310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9.bin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8.png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6" Type="http://schemas.openxmlformats.org/officeDocument/2006/relationships/image" Target="../media/image12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16.bin"/></Relationships>
</file>

<file path=ppt/slideLayouts/_rels/slideLayout3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0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312.xml"/><Relationship Id="rId5" Type="http://schemas.openxmlformats.org/officeDocument/2006/relationships/image" Target="../media/image6.png"/><Relationship Id="rId4" Type="http://schemas.openxmlformats.org/officeDocument/2006/relationships/image" Target="../media/image17.emf"/></Relationships>
</file>

<file path=ppt/slideLayouts/_rels/slideLayout3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28.xml"/><Relationship Id="rId1" Type="http://schemas.openxmlformats.org/officeDocument/2006/relationships/tags" Target="../tags/tag27.xml"/><Relationship Id="rId6" Type="http://schemas.openxmlformats.org/officeDocument/2006/relationships/image" Target="../media/image6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17.bin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8.png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6" Type="http://schemas.openxmlformats.org/officeDocument/2006/relationships/image" Target="../media/image15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18.bin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6" Type="http://schemas.openxmlformats.org/officeDocument/2006/relationships/image" Target="../media/image8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19.bin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3.xml"/><Relationship Id="rId6" Type="http://schemas.openxmlformats.org/officeDocument/2006/relationships/image" Target="../media/image8.png"/><Relationship Id="rId5" Type="http://schemas.openxmlformats.org/officeDocument/2006/relationships/image" Target="../media/image16.jpeg"/><Relationship Id="rId4" Type="http://schemas.openxmlformats.org/officeDocument/2006/relationships/image" Target="../media/image7.emf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5.xml"/><Relationship Id="rId1" Type="http://schemas.openxmlformats.org/officeDocument/2006/relationships/tags" Target="../tags/tag34.xml"/><Relationship Id="rId6" Type="http://schemas.openxmlformats.org/officeDocument/2006/relationships/image" Target="../media/image6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21.bin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6.xml"/><Relationship Id="rId4" Type="http://schemas.openxmlformats.org/officeDocument/2006/relationships/image" Target="../media/image9.emf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2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.xml"/><Relationship Id="rId4" Type="http://schemas.openxmlformats.org/officeDocument/2006/relationships/image" Target="../media/image9.emf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.xml"/><Relationship Id="rId4" Type="http://schemas.openxmlformats.org/officeDocument/2006/relationships/image" Target="../media/image9.emf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.xml"/><Relationship Id="rId6" Type="http://schemas.openxmlformats.org/officeDocument/2006/relationships/image" Target="../media/image6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4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5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13.emf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6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7.xml"/><Relationship Id="rId6" Type="http://schemas.openxmlformats.org/officeDocument/2006/relationships/image" Target="../media/image6.png"/><Relationship Id="rId5" Type="http://schemas.openxmlformats.org/officeDocument/2006/relationships/image" Target="../media/image14.png"/><Relationship Id="rId4" Type="http://schemas.openxmlformats.org/officeDocument/2006/relationships/image" Target="../media/image9.emf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9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0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9.emf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.xml"/><Relationship Id="rId6" Type="http://schemas.openxmlformats.org/officeDocument/2006/relationships/image" Target="../media/image8.png"/><Relationship Id="rId5" Type="http://schemas.openxmlformats.org/officeDocument/2006/relationships/image" Target="../media/image12.png"/><Relationship Id="rId4" Type="http://schemas.openxmlformats.org/officeDocument/2006/relationships/image" Target="../media/image9.emf"/></Relationships>
</file>

<file path=ppt/slideLayouts/_rels/slideLayout67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.xml"/><Relationship Id="rId4" Type="http://schemas.openxmlformats.org/officeDocument/2006/relationships/image" Target="../media/image9.emf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4.xml"/><Relationship Id="rId6" Type="http://schemas.openxmlformats.org/officeDocument/2006/relationships/image" Target="../media/image8.png"/><Relationship Id="rId5" Type="http://schemas.openxmlformats.org/officeDocument/2006/relationships/image" Target="../media/image15.png"/><Relationship Id="rId4" Type="http://schemas.openxmlformats.org/officeDocument/2006/relationships/image" Target="../media/image7.emf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5.xml"/><Relationship Id="rId5" Type="http://schemas.openxmlformats.org/officeDocument/2006/relationships/image" Target="../media/image8.png"/><Relationship Id="rId4" Type="http://schemas.openxmlformats.org/officeDocument/2006/relationships/image" Target="../media/image9.emf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2.xml"/></Relationships>
</file>

<file path=ppt/slideLayouts/_rels/slideLayout72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6.xml"/><Relationship Id="rId6" Type="http://schemas.openxmlformats.org/officeDocument/2006/relationships/image" Target="../media/image8.png"/><Relationship Id="rId5" Type="http://schemas.openxmlformats.org/officeDocument/2006/relationships/image" Target="../media/image16.jpeg"/><Relationship Id="rId4" Type="http://schemas.openxmlformats.org/officeDocument/2006/relationships/image" Target="../media/image7.emf"/></Relationships>
</file>

<file path=ppt/slideLayouts/_rels/slideLayout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8.xml"/><Relationship Id="rId1" Type="http://schemas.openxmlformats.org/officeDocument/2006/relationships/tags" Target="../tags/tag57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3.bin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9.xml"/><Relationship Id="rId5" Type="http://schemas.openxmlformats.org/officeDocument/2006/relationships/image" Target="../media/image8.png"/><Relationship Id="rId4" Type="http://schemas.openxmlformats.org/officeDocument/2006/relationships/image" Target="../media/image5.emf"/></Relationships>
</file>

<file path=ppt/slideLayouts/_rels/slideLayout7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60.xml"/><Relationship Id="rId5" Type="http://schemas.openxmlformats.org/officeDocument/2006/relationships/image" Target="../media/image8.png"/><Relationship Id="rId4" Type="http://schemas.openxmlformats.org/officeDocument/2006/relationships/image" Target="../media/image5.emf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61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5.emf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47.bin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64.xml"/><Relationship Id="rId4" Type="http://schemas.openxmlformats.org/officeDocument/2006/relationships/image" Target="../media/image5.emf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65.xml"/><Relationship Id="rId4" Type="http://schemas.openxmlformats.org/officeDocument/2006/relationships/image" Target="../media/image5.emf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66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5.emf"/></Relationships>
</file>

<file path=ppt/slideLayouts/_rels/slideLayout8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67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5.emf"/></Relationships>
</file>

<file path=ppt/slideLayouts/_rels/slideLayout8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2.bin"/></Relationships>
</file>

<file path=ppt/slideLayouts/_rels/slideLayout8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0.xml"/><Relationship Id="rId5" Type="http://schemas.openxmlformats.org/officeDocument/2006/relationships/image" Target="../media/image8.png"/><Relationship Id="rId4" Type="http://schemas.openxmlformats.org/officeDocument/2006/relationships/image" Target="../media/image5.emf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1.xml"/><Relationship Id="rId5" Type="http://schemas.openxmlformats.org/officeDocument/2006/relationships/image" Target="../media/image8.png"/><Relationship Id="rId4" Type="http://schemas.openxmlformats.org/officeDocument/2006/relationships/image" Target="../media/image5.emf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2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5.emf"/></Relationships>
</file>

<file path=ppt/slideLayouts/_rels/slideLayout8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4.xml"/><Relationship Id="rId1" Type="http://schemas.openxmlformats.org/officeDocument/2006/relationships/tags" Target="../tags/tag73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56.bin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5.xml"/><Relationship Id="rId4" Type="http://schemas.openxmlformats.org/officeDocument/2006/relationships/image" Target="../media/image5.emf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6.xml"/><Relationship Id="rId4" Type="http://schemas.openxmlformats.org/officeDocument/2006/relationships/image" Target="../media/image5.emf"/></Relationships>
</file>

<file path=ppt/slideLayouts/_rels/slideLayout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7.xml"/><Relationship Id="rId6" Type="http://schemas.openxmlformats.org/officeDocument/2006/relationships/image" Target="../media/image8.png"/><Relationship Id="rId5" Type="http://schemas.openxmlformats.org/officeDocument/2006/relationships/image" Target="../media/image10.png"/><Relationship Id="rId4" Type="http://schemas.openxmlformats.org/officeDocument/2006/relationships/image" Target="../media/image5.emf"/></Relationships>
</file>

<file path=ppt/slideLayouts/_rels/slideLayout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8.xml"/><Relationship Id="rId6" Type="http://schemas.openxmlformats.org/officeDocument/2006/relationships/image" Target="../media/image6.png"/><Relationship Id="rId5" Type="http://schemas.openxmlformats.org/officeDocument/2006/relationships/image" Target="../media/image11.png"/><Relationship Id="rId4" Type="http://schemas.openxmlformats.org/officeDocument/2006/relationships/image" Target="../media/image5.emf"/></Relationships>
</file>

<file path=ppt/slideLayouts/_rels/slideLayout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9.xml"/><Relationship Id="rId5" Type="http://schemas.openxmlformats.org/officeDocument/2006/relationships/image" Target="../media/image6.png"/><Relationship Id="rId4" Type="http://schemas.openxmlformats.org/officeDocument/2006/relationships/image" Target="../media/image17.emf"/></Relationships>
</file>

<file path=ppt/slideLayouts/_rels/slideLayout9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.jpeg"/><Relationship Id="rId3" Type="http://schemas.openxmlformats.org/officeDocument/2006/relationships/slideMaster" Target="../slideMasters/slideMaster3.xml"/><Relationship Id="rId7" Type="http://schemas.openxmlformats.org/officeDocument/2006/relationships/image" Target="../media/image21.png"/><Relationship Id="rId2" Type="http://schemas.openxmlformats.org/officeDocument/2006/relationships/tags" Target="../tags/tag84.xml"/><Relationship Id="rId1" Type="http://schemas.openxmlformats.org/officeDocument/2006/relationships/tags" Target="../tags/tag83.xml"/><Relationship Id="rId6" Type="http://schemas.openxmlformats.org/officeDocument/2006/relationships/image" Target="../media/image20.jpeg"/><Relationship Id="rId5" Type="http://schemas.openxmlformats.org/officeDocument/2006/relationships/image" Target="../media/image7.emf"/><Relationship Id="rId4" Type="http://schemas.openxmlformats.org/officeDocument/2006/relationships/oleObject" Target="../embeddings/oleObject64.bin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86.xml"/><Relationship Id="rId1" Type="http://schemas.openxmlformats.org/officeDocument/2006/relationships/tags" Target="../tags/tag85.xml"/><Relationship Id="rId5" Type="http://schemas.openxmlformats.org/officeDocument/2006/relationships/image" Target="../media/image23.emf"/><Relationship Id="rId4" Type="http://schemas.openxmlformats.org/officeDocument/2006/relationships/oleObject" Target="../embeddings/oleObject65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 descr="Shape, arrow&#10;&#10;Description automatically generated">
            <a:extLst>
              <a:ext uri="{FF2B5EF4-FFF2-40B4-BE49-F238E27FC236}">
                <a16:creationId xmlns:a16="http://schemas.microsoft.com/office/drawing/2014/main" id="{25B3A1BF-2D23-4451-ACED-D5F0B5EEB946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70338" y="-23166"/>
            <a:ext cx="9821662" cy="5898388"/>
          </a:xfrm>
          <a:prstGeom prst="rect">
            <a:avLst/>
          </a:prstGeom>
        </p:spPr>
      </p:pic>
      <p:sp>
        <p:nvSpPr>
          <p:cNvPr id="3" name="Subtitle 2">
            <a:extLst>
              <a:ext uri="{FF2B5EF4-FFF2-40B4-BE49-F238E27FC236}">
                <a16:creationId xmlns:a16="http://schemas.microsoft.com/office/drawing/2014/main" id="{CEBA0BBB-DA2B-4CCE-B833-F2E6D48601ED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506244" y="3783412"/>
            <a:ext cx="7531224" cy="147438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ject to be mentioned here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CCA3982-65BB-4677-8CCF-2A0BBF118F55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AD75386F-B8FD-4182-A27D-1EA34D9C38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pic>
        <p:nvPicPr>
          <p:cNvPr id="9" name="Picture 8" descr="Logo&#10;&#10;Description automatically generated">
            <a:extLst>
              <a:ext uri="{FF2B5EF4-FFF2-40B4-BE49-F238E27FC236}">
                <a16:creationId xmlns:a16="http://schemas.microsoft.com/office/drawing/2014/main" id="{854E3252-1DD7-4C7F-8672-F545900F718C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46322" y="1161478"/>
            <a:ext cx="4984140" cy="1474386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86D3E6E0-F14D-43C0-BBB3-CF7AAA7CDD69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082508" y="4515229"/>
            <a:ext cx="109491" cy="2342771"/>
          </a:xfrm>
          <a:prstGeom prst="rect">
            <a:avLst/>
          </a:prstGeom>
        </p:spPr>
      </p:pic>
      <p:sp>
        <p:nvSpPr>
          <p:cNvPr id="13" name="Rectangle 2">
            <a:extLst>
              <a:ext uri="{FF2B5EF4-FFF2-40B4-BE49-F238E27FC236}">
                <a16:creationId xmlns:a16="http://schemas.microsoft.com/office/drawing/2014/main" id="{EFE6B8CB-A528-408D-B686-39B13D28732D}"/>
              </a:ext>
            </a:extLst>
          </p:cNvPr>
          <p:cNvSpPr>
            <a:spLocks noChangeArrowheads="1"/>
          </p:cNvSpPr>
          <p:nvPr/>
        </p:nvSpPr>
        <p:spPr bwMode="auto">
          <a:xfrm>
            <a:off x="0" y="0"/>
            <a:ext cx="121920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IN"/>
          </a:p>
        </p:txBody>
      </p:sp>
      <p:sp>
        <p:nvSpPr>
          <p:cNvPr id="14" name="Rectangle 3">
            <a:extLst>
              <a:ext uri="{FF2B5EF4-FFF2-40B4-BE49-F238E27FC236}">
                <a16:creationId xmlns:a16="http://schemas.microsoft.com/office/drawing/2014/main" id="{EBAB3A67-0CB1-4A44-966F-C472CC93D8D5}"/>
              </a:ext>
            </a:extLst>
          </p:cNvPr>
          <p:cNvSpPr>
            <a:spLocks noChangeArrowheads="1"/>
          </p:cNvSpPr>
          <p:nvPr/>
        </p:nvSpPr>
        <p:spPr bwMode="auto">
          <a:xfrm>
            <a:off x="9812414" y="5338583"/>
            <a:ext cx="1932743" cy="12003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>
            <a:lvl1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Medium"/>
              </a:rPr>
              <a:t>Exide Energy Solutions Ltd</a:t>
            </a:r>
            <a:endParaRPr kumimoji="0" lang="en-GB" altLang="zh-CN" sz="1050" b="1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59E, </a:t>
            </a:r>
            <a:r>
              <a:rPr kumimoji="0" lang="en-GB" altLang="zh-CN" sz="1200" b="0" i="0" u="none" strike="noStrike" cap="none" normalizeH="0" baseline="0" err="1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Chowringhee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 Road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Kolkata 700 020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rgbClr val="FF0000"/>
                </a:solidFill>
                <a:effectLst/>
                <a:latin typeface="Gotham Bold"/>
                <a:ea typeface="DengXian" panose="02010600030101010101" pitchFamily="2" charset="-122"/>
                <a:cs typeface="Gotham Light"/>
              </a:rPr>
              <a:t>T 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	(033) 2302 3400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rgbClr val="FF0000"/>
                </a:solidFill>
                <a:effectLst/>
                <a:latin typeface="Gotham Bold"/>
                <a:ea typeface="DengXian" panose="02010600030101010101" pitchFamily="2" charset="-122"/>
                <a:cs typeface="Gotham Light"/>
              </a:rPr>
              <a:t>F 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	(033) 2283 2637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rgbClr val="FF0000"/>
                </a:solidFill>
                <a:effectLst/>
                <a:latin typeface="Gotham Bold"/>
                <a:ea typeface="DengXian" panose="02010600030101010101" pitchFamily="2" charset="-122"/>
                <a:cs typeface="Gotham Light"/>
              </a:rPr>
              <a:t>W 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	www.exideenergy.com</a:t>
            </a:r>
            <a:endParaRPr kumimoji="0" lang="en-GB" altLang="zh-CN" sz="2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0433085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9A2ABED6-22DD-4D20-BC17-09D8FC055902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EB18AA12-E345-4025-AB90-8FDAA7EB34C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CFF9B80-38F1-46EA-B7D4-BF0E282A5AF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88679132"/>
      </p:ext>
    </p:extLst>
  </p:cSld>
  <p:clrMapOvr>
    <a:masterClrMapping/>
  </p:clrMapOvr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D6202555-EDDA-4FDE-BFC1-D57F0F549023}"/>
              </a:ext>
            </a:extLst>
          </p:cNvPr>
          <p:cNvSpPr/>
          <p:nvPr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867444C1-06BD-48FF-A6AF-7D3EE005F2A9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7063627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9" name="Rectangle 58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F19FEF3B-088B-4850-860D-C35B69E2DE7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F43CE2EE-C57B-4971-8601-74545DA7DBD6}"/>
              </a:ext>
            </a:extLst>
          </p:cNvPr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429572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405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/>
        </p:nvCxnSpPr>
        <p:spPr bwMode="white">
          <a:xfrm>
            <a:off x="618899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TextBox 5">
            <a:extLst>
              <a:ext uri="{FF2B5EF4-FFF2-40B4-BE49-F238E27FC236}">
                <a16:creationId xmlns:a16="http://schemas.microsoft.com/office/drawing/2014/main" id="{9759F74E-FC22-491D-A52B-1E718A98611B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35ABE246-DC91-436F-BC8A-D5CF6B251BD9}"/>
              </a:ext>
            </a:extLst>
          </p:cNvPr>
          <p:cNvCxnSpPr/>
          <p:nvPr/>
        </p:nvCxnSpPr>
        <p:spPr bwMode="white">
          <a:xfrm>
            <a:off x="618899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1417414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White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0" name="TextBox 19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Rectangle 25"/>
          <p:cNvSpPr/>
          <p:nvPr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CD90CF38-8198-4F83-A9EE-5368C9E75B92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7" name="Copyright">
            <a:extLst>
              <a:ext uri="{FF2B5EF4-FFF2-40B4-BE49-F238E27FC236}">
                <a16:creationId xmlns:a16="http://schemas.microsoft.com/office/drawing/2014/main" id="{A0B5B52C-D5C8-4835-BF72-186E7301D7C4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9511B60F-FA6F-4D5E-BA25-E6CBA409D635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9F2F5E9-00FD-4A6F-B91C-CDA2A05C3AAA}"/>
              </a:ext>
            </a:extLst>
          </p:cNvPr>
          <p:cNvSpPr/>
          <p:nvPr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716592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ighlight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E38C8CB-DAC0-4C83-8C9F-68BA8050AA2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88035904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E38C8CB-DAC0-4C83-8C9F-68BA8050AA2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B8772D8-4299-479A-B7BD-08BF404E5E3F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DB2026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55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740524"/>
            <a:ext cx="6256800" cy="353174"/>
          </a:xfrm>
          <a:prstGeom prst="rect">
            <a:avLst/>
          </a:prstGeom>
        </p:spPr>
        <p:txBody>
          <a:bodyPr vert="horz" wrap="square" lIns="0" tIns="0" rIns="0" bIns="0" anchor="b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678C1DC0-1B1B-4544-8E3B-6C1B0CDB94BA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8C4C18AC-D5C0-4D1D-BB88-5664A2CA22D8}"/>
              </a:ext>
            </a:extLst>
          </p:cNvPr>
          <p:cNvSpPr/>
          <p:nvPr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Copyright">
            <a:extLst>
              <a:ext uri="{FF2B5EF4-FFF2-40B4-BE49-F238E27FC236}">
                <a16:creationId xmlns:a16="http://schemas.microsoft.com/office/drawing/2014/main" id="{FE460D1A-6569-45A2-BC8E-9277B693B202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7A462C3E-053B-47A3-BF68-76C1AB25A940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794434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D265D7A-232B-4E7B-ABF9-750A71A7271D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FE4387F4-0CBB-42DC-8404-FB5709A56213}"/>
              </a:ext>
            </a:extLst>
          </p:cNvPr>
          <p:cNvSpPr/>
          <p:nvPr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970BAA46-77C0-4EF5-AAFA-54744856C8CB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E194D146-FA13-4EA1-85B3-88BB9C8455DF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993465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alf">
    <p:bg bwMode="grayWhite"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35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33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9722C7F4-CE91-4ADC-AF0E-9DF7027E32A1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D2932009-E8CB-4482-8E7B-C830F00F844E}"/>
              </a:ext>
            </a:extLst>
          </p:cNvPr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54602BF4-6CD6-4458-9C50-B21417CC9651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Copyright">
            <a:extLst>
              <a:ext uri="{FF2B5EF4-FFF2-40B4-BE49-F238E27FC236}">
                <a16:creationId xmlns:a16="http://schemas.microsoft.com/office/drawing/2014/main" id="{64EE5AAF-066F-453A-B6E3-829DF3F6342D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331871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2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3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A382A866-082D-4532-AF66-631A3506291C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373C1222-D4B6-401D-BD42-4922262346C1}"/>
              </a:ext>
            </a:extLst>
          </p:cNvPr>
          <p:cNvSpPr/>
          <p:nvPr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>
            <a:extLst>
              <a:ext uri="{FF2B5EF4-FFF2-40B4-BE49-F238E27FC236}">
                <a16:creationId xmlns:a16="http://schemas.microsoft.com/office/drawing/2014/main" id="{3A262885-8294-4346-8C6C-8FFBDE9E3969}"/>
              </a:ext>
            </a:extLst>
          </p:cNvPr>
          <p:cNvSpPr txBox="1"/>
          <p:nvPr/>
        </p:nvSpPr>
        <p:spPr>
          <a:xfrm rot="16200000">
            <a:off x="9486902" y="3929410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A39B0EAC-E28F-448B-8A81-4EFAA7DF47C5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672553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arrow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1" y="2764205"/>
            <a:ext cx="2478639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aseline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Freeform 14">
            <a:extLst>
              <a:ext uri="{FF2B5EF4-FFF2-40B4-BE49-F238E27FC236}">
                <a16:creationId xmlns:a16="http://schemas.microsoft.com/office/drawing/2014/main" id="{6C3C316F-FE14-4E7D-AE8B-C1BD8D2C0C6A}"/>
              </a:ext>
            </a:extLst>
          </p:cNvPr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Copyright">
            <a:extLst>
              <a:ext uri="{FF2B5EF4-FFF2-40B4-BE49-F238E27FC236}">
                <a16:creationId xmlns:a16="http://schemas.microsoft.com/office/drawing/2014/main" id="{115C8534-E796-4AFF-B894-AFC2F51E042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2CCFE86B-64B6-4151-9256-69C26F8925FD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730B682D-134F-4D2B-9521-6E0D1F9EDF2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2318314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1" y="2764205"/>
            <a:ext cx="2478639" cy="1314311"/>
          </a:xfrm>
        </p:spPr>
        <p:txBody>
          <a:bodyPr anchor="ctr" anchorCtr="0">
            <a:noAutofit/>
          </a:bodyPr>
          <a:lstStyle>
            <a:lvl1pPr>
              <a:defRPr sz="24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1" y="3402830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6" name="Freeform 14">
            <a:extLst>
              <a:ext uri="{FF2B5EF4-FFF2-40B4-BE49-F238E27FC236}">
                <a16:creationId xmlns:a16="http://schemas.microsoft.com/office/drawing/2014/main" id="{737D61FC-3CFE-4D80-B060-A5CFA375D150}"/>
              </a:ext>
            </a:extLst>
          </p:cNvPr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A302811E-8219-41EB-8D93-8BFBBFD3D142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2AB6B2D4-D647-4E62-98B1-0B4A8CA99025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032D13C7-944C-491F-A457-BE8C315F6BB7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1" y="3402830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6070662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hank You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9A2ABED6-22DD-4D20-BC17-09D8FC055902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EB18AA12-E345-4025-AB90-8FDAA7EB34C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CFF9B80-38F1-46EA-B7D4-BF0E282A5AF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  <p:sp>
        <p:nvSpPr>
          <p:cNvPr id="5" name="Freeform: Shape 4">
            <a:extLst>
              <a:ext uri="{FF2B5EF4-FFF2-40B4-BE49-F238E27FC236}">
                <a16:creationId xmlns:a16="http://schemas.microsoft.com/office/drawing/2014/main" id="{9548235A-E806-97CC-8543-A6A22C8C2AAA}"/>
              </a:ext>
            </a:extLst>
          </p:cNvPr>
          <p:cNvSpPr>
            <a:spLocks noChangeAspect="1"/>
          </p:cNvSpPr>
          <p:nvPr/>
        </p:nvSpPr>
        <p:spPr>
          <a:xfrm>
            <a:off x="985475" y="0"/>
            <a:ext cx="3332464" cy="6013752"/>
          </a:xfrm>
          <a:custGeom>
            <a:avLst/>
            <a:gdLst>
              <a:gd name="connsiteX0" fmla="*/ 340519 w 1359694"/>
              <a:gd name="connsiteY0" fmla="*/ 1333500 h 1333500"/>
              <a:gd name="connsiteX1" fmla="*/ 1359694 w 1359694"/>
              <a:gd name="connsiteY1" fmla="*/ 0 h 1333500"/>
              <a:gd name="connsiteX2" fmla="*/ 909638 w 1359694"/>
              <a:gd name="connsiteY2" fmla="*/ 57150 h 1333500"/>
              <a:gd name="connsiteX3" fmla="*/ 597694 w 1359694"/>
              <a:gd name="connsiteY3" fmla="*/ 271463 h 1333500"/>
              <a:gd name="connsiteX4" fmla="*/ 442913 w 1359694"/>
              <a:gd name="connsiteY4" fmla="*/ 138113 h 1333500"/>
              <a:gd name="connsiteX5" fmla="*/ 0 w 1359694"/>
              <a:gd name="connsiteY5" fmla="*/ 226219 h 1333500"/>
              <a:gd name="connsiteX6" fmla="*/ 30956 w 1359694"/>
              <a:gd name="connsiteY6" fmla="*/ 442913 h 1333500"/>
              <a:gd name="connsiteX7" fmla="*/ 623888 w 1359694"/>
              <a:gd name="connsiteY7" fmla="*/ 440531 h 1333500"/>
              <a:gd name="connsiteX8" fmla="*/ 347663 w 1359694"/>
              <a:gd name="connsiteY8" fmla="*/ 654844 h 1333500"/>
              <a:gd name="connsiteX9" fmla="*/ 435769 w 1359694"/>
              <a:gd name="connsiteY9" fmla="*/ 909638 h 1333500"/>
              <a:gd name="connsiteX10" fmla="*/ 421481 w 1359694"/>
              <a:gd name="connsiteY10" fmla="*/ 935831 h 1333500"/>
              <a:gd name="connsiteX11" fmla="*/ 340519 w 1359694"/>
              <a:gd name="connsiteY11" fmla="*/ 1333500 h 1333500"/>
              <a:gd name="connsiteX0" fmla="*/ 340519 w 2772569"/>
              <a:gd name="connsiteY0" fmla="*/ 3178175 h 3178175"/>
              <a:gd name="connsiteX1" fmla="*/ 2772569 w 2772569"/>
              <a:gd name="connsiteY1" fmla="*/ 0 h 3178175"/>
              <a:gd name="connsiteX2" fmla="*/ 909638 w 2772569"/>
              <a:gd name="connsiteY2" fmla="*/ 1901825 h 3178175"/>
              <a:gd name="connsiteX3" fmla="*/ 597694 w 2772569"/>
              <a:gd name="connsiteY3" fmla="*/ 2116138 h 3178175"/>
              <a:gd name="connsiteX4" fmla="*/ 442913 w 2772569"/>
              <a:gd name="connsiteY4" fmla="*/ 1982788 h 3178175"/>
              <a:gd name="connsiteX5" fmla="*/ 0 w 2772569"/>
              <a:gd name="connsiteY5" fmla="*/ 2070894 h 3178175"/>
              <a:gd name="connsiteX6" fmla="*/ 30956 w 2772569"/>
              <a:gd name="connsiteY6" fmla="*/ 2287588 h 3178175"/>
              <a:gd name="connsiteX7" fmla="*/ 623888 w 2772569"/>
              <a:gd name="connsiteY7" fmla="*/ 2285206 h 3178175"/>
              <a:gd name="connsiteX8" fmla="*/ 347663 w 2772569"/>
              <a:gd name="connsiteY8" fmla="*/ 2499519 h 3178175"/>
              <a:gd name="connsiteX9" fmla="*/ 435769 w 2772569"/>
              <a:gd name="connsiteY9" fmla="*/ 2754313 h 3178175"/>
              <a:gd name="connsiteX10" fmla="*/ 421481 w 2772569"/>
              <a:gd name="connsiteY10" fmla="*/ 2780506 h 3178175"/>
              <a:gd name="connsiteX11" fmla="*/ 340519 w 2772569"/>
              <a:gd name="connsiteY11" fmla="*/ 3178175 h 3178175"/>
              <a:gd name="connsiteX0" fmla="*/ 340519 w 2772569"/>
              <a:gd name="connsiteY0" fmla="*/ 3178175 h 3178175"/>
              <a:gd name="connsiteX1" fmla="*/ 2772569 w 2772569"/>
              <a:gd name="connsiteY1" fmla="*/ 0 h 3178175"/>
              <a:gd name="connsiteX2" fmla="*/ 1497807 w 2772569"/>
              <a:gd name="connsiteY2" fmla="*/ 863600 h 3178175"/>
              <a:gd name="connsiteX3" fmla="*/ 597694 w 2772569"/>
              <a:gd name="connsiteY3" fmla="*/ 2116138 h 3178175"/>
              <a:gd name="connsiteX4" fmla="*/ 442913 w 2772569"/>
              <a:gd name="connsiteY4" fmla="*/ 1982788 h 3178175"/>
              <a:gd name="connsiteX5" fmla="*/ 0 w 2772569"/>
              <a:gd name="connsiteY5" fmla="*/ 2070894 h 3178175"/>
              <a:gd name="connsiteX6" fmla="*/ 30956 w 2772569"/>
              <a:gd name="connsiteY6" fmla="*/ 2287588 h 3178175"/>
              <a:gd name="connsiteX7" fmla="*/ 623888 w 2772569"/>
              <a:gd name="connsiteY7" fmla="*/ 2285206 h 3178175"/>
              <a:gd name="connsiteX8" fmla="*/ 347663 w 2772569"/>
              <a:gd name="connsiteY8" fmla="*/ 2499519 h 3178175"/>
              <a:gd name="connsiteX9" fmla="*/ 435769 w 2772569"/>
              <a:gd name="connsiteY9" fmla="*/ 2754313 h 3178175"/>
              <a:gd name="connsiteX10" fmla="*/ 421481 w 2772569"/>
              <a:gd name="connsiteY10" fmla="*/ 2780506 h 3178175"/>
              <a:gd name="connsiteX11" fmla="*/ 340519 w 2772569"/>
              <a:gd name="connsiteY11" fmla="*/ 3178175 h 3178175"/>
              <a:gd name="connsiteX0" fmla="*/ 340519 w 2772569"/>
              <a:gd name="connsiteY0" fmla="*/ 3178175 h 3178175"/>
              <a:gd name="connsiteX1" fmla="*/ 2772569 w 2772569"/>
              <a:gd name="connsiteY1" fmla="*/ 0 h 3178175"/>
              <a:gd name="connsiteX2" fmla="*/ 1497807 w 2772569"/>
              <a:gd name="connsiteY2" fmla="*/ 863600 h 3178175"/>
              <a:gd name="connsiteX3" fmla="*/ 1097756 w 2772569"/>
              <a:gd name="connsiteY3" fmla="*/ 849313 h 3178175"/>
              <a:gd name="connsiteX4" fmla="*/ 442913 w 2772569"/>
              <a:gd name="connsiteY4" fmla="*/ 1982788 h 3178175"/>
              <a:gd name="connsiteX5" fmla="*/ 0 w 2772569"/>
              <a:gd name="connsiteY5" fmla="*/ 2070894 h 3178175"/>
              <a:gd name="connsiteX6" fmla="*/ 30956 w 2772569"/>
              <a:gd name="connsiteY6" fmla="*/ 2287588 h 3178175"/>
              <a:gd name="connsiteX7" fmla="*/ 623888 w 2772569"/>
              <a:gd name="connsiteY7" fmla="*/ 2285206 h 3178175"/>
              <a:gd name="connsiteX8" fmla="*/ 347663 w 2772569"/>
              <a:gd name="connsiteY8" fmla="*/ 2499519 h 3178175"/>
              <a:gd name="connsiteX9" fmla="*/ 435769 w 2772569"/>
              <a:gd name="connsiteY9" fmla="*/ 2754313 h 3178175"/>
              <a:gd name="connsiteX10" fmla="*/ 421481 w 2772569"/>
              <a:gd name="connsiteY10" fmla="*/ 2780506 h 3178175"/>
              <a:gd name="connsiteX11" fmla="*/ 340519 w 2772569"/>
              <a:gd name="connsiteY11" fmla="*/ 3178175 h 3178175"/>
              <a:gd name="connsiteX0" fmla="*/ 340519 w 2772569"/>
              <a:gd name="connsiteY0" fmla="*/ 3178175 h 3178175"/>
              <a:gd name="connsiteX1" fmla="*/ 2772569 w 2772569"/>
              <a:gd name="connsiteY1" fmla="*/ 0 h 3178175"/>
              <a:gd name="connsiteX2" fmla="*/ 1497807 w 2772569"/>
              <a:gd name="connsiteY2" fmla="*/ 863600 h 3178175"/>
              <a:gd name="connsiteX3" fmla="*/ 1097756 w 2772569"/>
              <a:gd name="connsiteY3" fmla="*/ 849313 h 3178175"/>
              <a:gd name="connsiteX4" fmla="*/ 759619 w 2772569"/>
              <a:gd name="connsiteY4" fmla="*/ 861219 h 3178175"/>
              <a:gd name="connsiteX5" fmla="*/ 0 w 2772569"/>
              <a:gd name="connsiteY5" fmla="*/ 2070894 h 3178175"/>
              <a:gd name="connsiteX6" fmla="*/ 30956 w 2772569"/>
              <a:gd name="connsiteY6" fmla="*/ 2287588 h 3178175"/>
              <a:gd name="connsiteX7" fmla="*/ 623888 w 2772569"/>
              <a:gd name="connsiteY7" fmla="*/ 2285206 h 3178175"/>
              <a:gd name="connsiteX8" fmla="*/ 347663 w 2772569"/>
              <a:gd name="connsiteY8" fmla="*/ 2499519 h 3178175"/>
              <a:gd name="connsiteX9" fmla="*/ 435769 w 2772569"/>
              <a:gd name="connsiteY9" fmla="*/ 2754313 h 3178175"/>
              <a:gd name="connsiteX10" fmla="*/ 421481 w 2772569"/>
              <a:gd name="connsiteY10" fmla="*/ 2780506 h 3178175"/>
              <a:gd name="connsiteX11" fmla="*/ 340519 w 2772569"/>
              <a:gd name="connsiteY11" fmla="*/ 3178175 h 3178175"/>
              <a:gd name="connsiteX0" fmla="*/ 309563 w 2741613"/>
              <a:gd name="connsiteY0" fmla="*/ 3178175 h 3178175"/>
              <a:gd name="connsiteX1" fmla="*/ 2741613 w 2741613"/>
              <a:gd name="connsiteY1" fmla="*/ 0 h 3178175"/>
              <a:gd name="connsiteX2" fmla="*/ 1466851 w 2741613"/>
              <a:gd name="connsiteY2" fmla="*/ 863600 h 3178175"/>
              <a:gd name="connsiteX3" fmla="*/ 1066800 w 2741613"/>
              <a:gd name="connsiteY3" fmla="*/ 849313 h 3178175"/>
              <a:gd name="connsiteX4" fmla="*/ 728663 w 2741613"/>
              <a:gd name="connsiteY4" fmla="*/ 861219 h 3178175"/>
              <a:gd name="connsiteX5" fmla="*/ 264319 w 2741613"/>
              <a:gd name="connsiteY5" fmla="*/ 923132 h 3178175"/>
              <a:gd name="connsiteX6" fmla="*/ 0 w 2741613"/>
              <a:gd name="connsiteY6" fmla="*/ 2287588 h 3178175"/>
              <a:gd name="connsiteX7" fmla="*/ 592932 w 2741613"/>
              <a:gd name="connsiteY7" fmla="*/ 2285206 h 3178175"/>
              <a:gd name="connsiteX8" fmla="*/ 316707 w 2741613"/>
              <a:gd name="connsiteY8" fmla="*/ 2499519 h 3178175"/>
              <a:gd name="connsiteX9" fmla="*/ 404813 w 2741613"/>
              <a:gd name="connsiteY9" fmla="*/ 2754313 h 3178175"/>
              <a:gd name="connsiteX10" fmla="*/ 390525 w 2741613"/>
              <a:gd name="connsiteY10" fmla="*/ 2780506 h 3178175"/>
              <a:gd name="connsiteX11" fmla="*/ 309563 w 2741613"/>
              <a:gd name="connsiteY11" fmla="*/ 3178175 h 3178175"/>
              <a:gd name="connsiteX0" fmla="*/ 309563 w 2741613"/>
              <a:gd name="connsiteY0" fmla="*/ 3178175 h 3178175"/>
              <a:gd name="connsiteX1" fmla="*/ 2741613 w 2741613"/>
              <a:gd name="connsiteY1" fmla="*/ 0 h 3178175"/>
              <a:gd name="connsiteX2" fmla="*/ 1466851 w 2741613"/>
              <a:gd name="connsiteY2" fmla="*/ 863600 h 3178175"/>
              <a:gd name="connsiteX3" fmla="*/ 1066800 w 2741613"/>
              <a:gd name="connsiteY3" fmla="*/ 849313 h 3178175"/>
              <a:gd name="connsiteX4" fmla="*/ 728663 w 2741613"/>
              <a:gd name="connsiteY4" fmla="*/ 861219 h 3178175"/>
              <a:gd name="connsiteX5" fmla="*/ 264319 w 2741613"/>
              <a:gd name="connsiteY5" fmla="*/ 923132 h 3178175"/>
              <a:gd name="connsiteX6" fmla="*/ 0 w 2741613"/>
              <a:gd name="connsiteY6" fmla="*/ 2287588 h 3178175"/>
              <a:gd name="connsiteX7" fmla="*/ 1378745 w 2741613"/>
              <a:gd name="connsiteY7" fmla="*/ 1339850 h 3178175"/>
              <a:gd name="connsiteX8" fmla="*/ 316707 w 2741613"/>
              <a:gd name="connsiteY8" fmla="*/ 2499519 h 3178175"/>
              <a:gd name="connsiteX9" fmla="*/ 404813 w 2741613"/>
              <a:gd name="connsiteY9" fmla="*/ 2754313 h 3178175"/>
              <a:gd name="connsiteX10" fmla="*/ 390525 w 2741613"/>
              <a:gd name="connsiteY10" fmla="*/ 2780506 h 3178175"/>
              <a:gd name="connsiteX11" fmla="*/ 309563 w 2741613"/>
              <a:gd name="connsiteY11" fmla="*/ 3178175 h 3178175"/>
              <a:gd name="connsiteX0" fmla="*/ 509588 w 2941638"/>
              <a:gd name="connsiteY0" fmla="*/ 3178175 h 3178175"/>
              <a:gd name="connsiteX1" fmla="*/ 2941638 w 2941638"/>
              <a:gd name="connsiteY1" fmla="*/ 0 h 3178175"/>
              <a:gd name="connsiteX2" fmla="*/ 1666876 w 2941638"/>
              <a:gd name="connsiteY2" fmla="*/ 863600 h 3178175"/>
              <a:gd name="connsiteX3" fmla="*/ 1266825 w 2941638"/>
              <a:gd name="connsiteY3" fmla="*/ 849313 h 3178175"/>
              <a:gd name="connsiteX4" fmla="*/ 928688 w 2941638"/>
              <a:gd name="connsiteY4" fmla="*/ 861219 h 3178175"/>
              <a:gd name="connsiteX5" fmla="*/ 464344 w 2941638"/>
              <a:gd name="connsiteY5" fmla="*/ 923132 h 3178175"/>
              <a:gd name="connsiteX6" fmla="*/ 0 w 2941638"/>
              <a:gd name="connsiteY6" fmla="*/ 1246982 h 3178175"/>
              <a:gd name="connsiteX7" fmla="*/ 1578770 w 2941638"/>
              <a:gd name="connsiteY7" fmla="*/ 1339850 h 3178175"/>
              <a:gd name="connsiteX8" fmla="*/ 516732 w 2941638"/>
              <a:gd name="connsiteY8" fmla="*/ 2499519 h 3178175"/>
              <a:gd name="connsiteX9" fmla="*/ 604838 w 2941638"/>
              <a:gd name="connsiteY9" fmla="*/ 2754313 h 3178175"/>
              <a:gd name="connsiteX10" fmla="*/ 590550 w 2941638"/>
              <a:gd name="connsiteY10" fmla="*/ 2780506 h 3178175"/>
              <a:gd name="connsiteX11" fmla="*/ 509588 w 2941638"/>
              <a:gd name="connsiteY11" fmla="*/ 3178175 h 3178175"/>
              <a:gd name="connsiteX0" fmla="*/ 509588 w 2941638"/>
              <a:gd name="connsiteY0" fmla="*/ 3178175 h 3178175"/>
              <a:gd name="connsiteX1" fmla="*/ 2941638 w 2941638"/>
              <a:gd name="connsiteY1" fmla="*/ 0 h 3178175"/>
              <a:gd name="connsiteX2" fmla="*/ 1666876 w 2941638"/>
              <a:gd name="connsiteY2" fmla="*/ 863600 h 3178175"/>
              <a:gd name="connsiteX3" fmla="*/ 1266825 w 2941638"/>
              <a:gd name="connsiteY3" fmla="*/ 849313 h 3178175"/>
              <a:gd name="connsiteX4" fmla="*/ 928688 w 2941638"/>
              <a:gd name="connsiteY4" fmla="*/ 861219 h 3178175"/>
              <a:gd name="connsiteX5" fmla="*/ 464344 w 2941638"/>
              <a:gd name="connsiteY5" fmla="*/ 923132 h 3178175"/>
              <a:gd name="connsiteX6" fmla="*/ 0 w 2941638"/>
              <a:gd name="connsiteY6" fmla="*/ 1246982 h 3178175"/>
              <a:gd name="connsiteX7" fmla="*/ 1212057 w 2941638"/>
              <a:gd name="connsiteY7" fmla="*/ 1075531 h 3178175"/>
              <a:gd name="connsiteX8" fmla="*/ 516732 w 2941638"/>
              <a:gd name="connsiteY8" fmla="*/ 2499519 h 3178175"/>
              <a:gd name="connsiteX9" fmla="*/ 604838 w 2941638"/>
              <a:gd name="connsiteY9" fmla="*/ 2754313 h 3178175"/>
              <a:gd name="connsiteX10" fmla="*/ 590550 w 2941638"/>
              <a:gd name="connsiteY10" fmla="*/ 2780506 h 3178175"/>
              <a:gd name="connsiteX11" fmla="*/ 509588 w 2941638"/>
              <a:gd name="connsiteY11" fmla="*/ 3178175 h 3178175"/>
              <a:gd name="connsiteX0" fmla="*/ 509588 w 2941638"/>
              <a:gd name="connsiteY0" fmla="*/ 3178175 h 3178175"/>
              <a:gd name="connsiteX1" fmla="*/ 2941638 w 2941638"/>
              <a:gd name="connsiteY1" fmla="*/ 0 h 3178175"/>
              <a:gd name="connsiteX2" fmla="*/ 1666876 w 2941638"/>
              <a:gd name="connsiteY2" fmla="*/ 863600 h 3178175"/>
              <a:gd name="connsiteX3" fmla="*/ 1266825 w 2941638"/>
              <a:gd name="connsiteY3" fmla="*/ 849313 h 3178175"/>
              <a:gd name="connsiteX4" fmla="*/ 928688 w 2941638"/>
              <a:gd name="connsiteY4" fmla="*/ 861219 h 3178175"/>
              <a:gd name="connsiteX5" fmla="*/ 464344 w 2941638"/>
              <a:gd name="connsiteY5" fmla="*/ 923132 h 3178175"/>
              <a:gd name="connsiteX6" fmla="*/ 0 w 2941638"/>
              <a:gd name="connsiteY6" fmla="*/ 1246982 h 3178175"/>
              <a:gd name="connsiteX7" fmla="*/ 1123951 w 2941638"/>
              <a:gd name="connsiteY7" fmla="*/ 1194593 h 3178175"/>
              <a:gd name="connsiteX8" fmla="*/ 516732 w 2941638"/>
              <a:gd name="connsiteY8" fmla="*/ 2499519 h 3178175"/>
              <a:gd name="connsiteX9" fmla="*/ 604838 w 2941638"/>
              <a:gd name="connsiteY9" fmla="*/ 2754313 h 3178175"/>
              <a:gd name="connsiteX10" fmla="*/ 590550 w 2941638"/>
              <a:gd name="connsiteY10" fmla="*/ 2780506 h 3178175"/>
              <a:gd name="connsiteX11" fmla="*/ 509588 w 2941638"/>
              <a:gd name="connsiteY11" fmla="*/ 3178175 h 3178175"/>
              <a:gd name="connsiteX0" fmla="*/ 509588 w 2941638"/>
              <a:gd name="connsiteY0" fmla="*/ 3178175 h 3178175"/>
              <a:gd name="connsiteX1" fmla="*/ 2941638 w 2941638"/>
              <a:gd name="connsiteY1" fmla="*/ 0 h 3178175"/>
              <a:gd name="connsiteX2" fmla="*/ 1666876 w 2941638"/>
              <a:gd name="connsiteY2" fmla="*/ 863600 h 3178175"/>
              <a:gd name="connsiteX3" fmla="*/ 1266825 w 2941638"/>
              <a:gd name="connsiteY3" fmla="*/ 849313 h 3178175"/>
              <a:gd name="connsiteX4" fmla="*/ 928688 w 2941638"/>
              <a:gd name="connsiteY4" fmla="*/ 861219 h 3178175"/>
              <a:gd name="connsiteX5" fmla="*/ 464344 w 2941638"/>
              <a:gd name="connsiteY5" fmla="*/ 923132 h 3178175"/>
              <a:gd name="connsiteX6" fmla="*/ 0 w 2941638"/>
              <a:gd name="connsiteY6" fmla="*/ 1246982 h 3178175"/>
              <a:gd name="connsiteX7" fmla="*/ 1123951 w 2941638"/>
              <a:gd name="connsiteY7" fmla="*/ 1194593 h 3178175"/>
              <a:gd name="connsiteX8" fmla="*/ 1550194 w 2941638"/>
              <a:gd name="connsiteY8" fmla="*/ 1170781 h 3178175"/>
              <a:gd name="connsiteX9" fmla="*/ 604838 w 2941638"/>
              <a:gd name="connsiteY9" fmla="*/ 2754313 h 3178175"/>
              <a:gd name="connsiteX10" fmla="*/ 590550 w 2941638"/>
              <a:gd name="connsiteY10" fmla="*/ 2780506 h 3178175"/>
              <a:gd name="connsiteX11" fmla="*/ 509588 w 2941638"/>
              <a:gd name="connsiteY11" fmla="*/ 3178175 h 3178175"/>
              <a:gd name="connsiteX0" fmla="*/ 509588 w 2941638"/>
              <a:gd name="connsiteY0" fmla="*/ 3178175 h 3178175"/>
              <a:gd name="connsiteX1" fmla="*/ 2941638 w 2941638"/>
              <a:gd name="connsiteY1" fmla="*/ 0 h 3178175"/>
              <a:gd name="connsiteX2" fmla="*/ 1666876 w 2941638"/>
              <a:gd name="connsiteY2" fmla="*/ 863600 h 3178175"/>
              <a:gd name="connsiteX3" fmla="*/ 1266825 w 2941638"/>
              <a:gd name="connsiteY3" fmla="*/ 849313 h 3178175"/>
              <a:gd name="connsiteX4" fmla="*/ 928688 w 2941638"/>
              <a:gd name="connsiteY4" fmla="*/ 861219 h 3178175"/>
              <a:gd name="connsiteX5" fmla="*/ 464344 w 2941638"/>
              <a:gd name="connsiteY5" fmla="*/ 923132 h 3178175"/>
              <a:gd name="connsiteX6" fmla="*/ 0 w 2941638"/>
              <a:gd name="connsiteY6" fmla="*/ 1246982 h 3178175"/>
              <a:gd name="connsiteX7" fmla="*/ 1123951 w 2941638"/>
              <a:gd name="connsiteY7" fmla="*/ 1194593 h 3178175"/>
              <a:gd name="connsiteX8" fmla="*/ 1550194 w 2941638"/>
              <a:gd name="connsiteY8" fmla="*/ 1170781 h 3178175"/>
              <a:gd name="connsiteX9" fmla="*/ 590550 w 2941638"/>
              <a:gd name="connsiteY9" fmla="*/ 2780506 h 3178175"/>
              <a:gd name="connsiteX10" fmla="*/ 509588 w 2941638"/>
              <a:gd name="connsiteY10" fmla="*/ 3178175 h 3178175"/>
              <a:gd name="connsiteX0" fmla="*/ 509588 w 2941638"/>
              <a:gd name="connsiteY0" fmla="*/ 3178175 h 3178175"/>
              <a:gd name="connsiteX1" fmla="*/ 2941638 w 2941638"/>
              <a:gd name="connsiteY1" fmla="*/ 0 h 3178175"/>
              <a:gd name="connsiteX2" fmla="*/ 1666876 w 2941638"/>
              <a:gd name="connsiteY2" fmla="*/ 863600 h 3178175"/>
              <a:gd name="connsiteX3" fmla="*/ 1266825 w 2941638"/>
              <a:gd name="connsiteY3" fmla="*/ 849313 h 3178175"/>
              <a:gd name="connsiteX4" fmla="*/ 928688 w 2941638"/>
              <a:gd name="connsiteY4" fmla="*/ 861219 h 3178175"/>
              <a:gd name="connsiteX5" fmla="*/ 464344 w 2941638"/>
              <a:gd name="connsiteY5" fmla="*/ 923132 h 3178175"/>
              <a:gd name="connsiteX6" fmla="*/ 0 w 2941638"/>
              <a:gd name="connsiteY6" fmla="*/ 1246982 h 3178175"/>
              <a:gd name="connsiteX7" fmla="*/ 1123951 w 2941638"/>
              <a:gd name="connsiteY7" fmla="*/ 1194593 h 3178175"/>
              <a:gd name="connsiteX8" fmla="*/ 1550194 w 2941638"/>
              <a:gd name="connsiteY8" fmla="*/ 1170781 h 3178175"/>
              <a:gd name="connsiteX9" fmla="*/ 1076325 w 2941638"/>
              <a:gd name="connsiteY9" fmla="*/ 1213643 h 3178175"/>
              <a:gd name="connsiteX10" fmla="*/ 509588 w 2941638"/>
              <a:gd name="connsiteY10" fmla="*/ 3178175 h 3178175"/>
              <a:gd name="connsiteX0" fmla="*/ 823912 w 3255962"/>
              <a:gd name="connsiteY0" fmla="*/ 3178175 h 3178175"/>
              <a:gd name="connsiteX1" fmla="*/ 3255962 w 3255962"/>
              <a:gd name="connsiteY1" fmla="*/ 0 h 3178175"/>
              <a:gd name="connsiteX2" fmla="*/ 1981200 w 3255962"/>
              <a:gd name="connsiteY2" fmla="*/ 863600 h 3178175"/>
              <a:gd name="connsiteX3" fmla="*/ 1581149 w 3255962"/>
              <a:gd name="connsiteY3" fmla="*/ 849313 h 3178175"/>
              <a:gd name="connsiteX4" fmla="*/ 1243012 w 3255962"/>
              <a:gd name="connsiteY4" fmla="*/ 861219 h 3178175"/>
              <a:gd name="connsiteX5" fmla="*/ 778668 w 3255962"/>
              <a:gd name="connsiteY5" fmla="*/ 923132 h 3178175"/>
              <a:gd name="connsiteX6" fmla="*/ 314324 w 3255962"/>
              <a:gd name="connsiteY6" fmla="*/ 1246982 h 3178175"/>
              <a:gd name="connsiteX7" fmla="*/ 1438275 w 3255962"/>
              <a:gd name="connsiteY7" fmla="*/ 1194593 h 3178175"/>
              <a:gd name="connsiteX8" fmla="*/ 0 w 3255962"/>
              <a:gd name="connsiteY8" fmla="*/ 1604169 h 3178175"/>
              <a:gd name="connsiteX9" fmla="*/ 1390649 w 3255962"/>
              <a:gd name="connsiteY9" fmla="*/ 1213643 h 3178175"/>
              <a:gd name="connsiteX10" fmla="*/ 823912 w 3255962"/>
              <a:gd name="connsiteY10" fmla="*/ 3178175 h 3178175"/>
              <a:gd name="connsiteX0" fmla="*/ 823912 w 3255962"/>
              <a:gd name="connsiteY0" fmla="*/ 3178175 h 3178175"/>
              <a:gd name="connsiteX1" fmla="*/ 3255962 w 3255962"/>
              <a:gd name="connsiteY1" fmla="*/ 0 h 3178175"/>
              <a:gd name="connsiteX2" fmla="*/ 1981200 w 3255962"/>
              <a:gd name="connsiteY2" fmla="*/ 863600 h 3178175"/>
              <a:gd name="connsiteX3" fmla="*/ 1581149 w 3255962"/>
              <a:gd name="connsiteY3" fmla="*/ 849313 h 3178175"/>
              <a:gd name="connsiteX4" fmla="*/ 1243012 w 3255962"/>
              <a:gd name="connsiteY4" fmla="*/ 861219 h 3178175"/>
              <a:gd name="connsiteX5" fmla="*/ 778668 w 3255962"/>
              <a:gd name="connsiteY5" fmla="*/ 923132 h 3178175"/>
              <a:gd name="connsiteX6" fmla="*/ 314324 w 3255962"/>
              <a:gd name="connsiteY6" fmla="*/ 1246982 h 3178175"/>
              <a:gd name="connsiteX7" fmla="*/ 169069 w 3255962"/>
              <a:gd name="connsiteY7" fmla="*/ 1235074 h 3178175"/>
              <a:gd name="connsiteX8" fmla="*/ 0 w 3255962"/>
              <a:gd name="connsiteY8" fmla="*/ 1604169 h 3178175"/>
              <a:gd name="connsiteX9" fmla="*/ 1390649 w 3255962"/>
              <a:gd name="connsiteY9" fmla="*/ 1213643 h 3178175"/>
              <a:gd name="connsiteX10" fmla="*/ 823912 w 3255962"/>
              <a:gd name="connsiteY10" fmla="*/ 3178175 h 3178175"/>
              <a:gd name="connsiteX0" fmla="*/ 823912 w 3255962"/>
              <a:gd name="connsiteY0" fmla="*/ 3178175 h 3178175"/>
              <a:gd name="connsiteX1" fmla="*/ 3255962 w 3255962"/>
              <a:gd name="connsiteY1" fmla="*/ 0 h 3178175"/>
              <a:gd name="connsiteX2" fmla="*/ 1981200 w 3255962"/>
              <a:gd name="connsiteY2" fmla="*/ 863600 h 3178175"/>
              <a:gd name="connsiteX3" fmla="*/ 1581149 w 3255962"/>
              <a:gd name="connsiteY3" fmla="*/ 849313 h 3178175"/>
              <a:gd name="connsiteX4" fmla="*/ 1243012 w 3255962"/>
              <a:gd name="connsiteY4" fmla="*/ 861219 h 3178175"/>
              <a:gd name="connsiteX5" fmla="*/ 778668 w 3255962"/>
              <a:gd name="connsiteY5" fmla="*/ 923132 h 3178175"/>
              <a:gd name="connsiteX6" fmla="*/ 314324 w 3255962"/>
              <a:gd name="connsiteY6" fmla="*/ 1246982 h 3178175"/>
              <a:gd name="connsiteX7" fmla="*/ 440531 w 3255962"/>
              <a:gd name="connsiteY7" fmla="*/ 273049 h 3178175"/>
              <a:gd name="connsiteX8" fmla="*/ 0 w 3255962"/>
              <a:gd name="connsiteY8" fmla="*/ 1604169 h 3178175"/>
              <a:gd name="connsiteX9" fmla="*/ 1390649 w 3255962"/>
              <a:gd name="connsiteY9" fmla="*/ 1213643 h 3178175"/>
              <a:gd name="connsiteX10" fmla="*/ 823912 w 3255962"/>
              <a:gd name="connsiteY10" fmla="*/ 3178175 h 3178175"/>
              <a:gd name="connsiteX0" fmla="*/ 823912 w 3255962"/>
              <a:gd name="connsiteY0" fmla="*/ 3178175 h 3178175"/>
              <a:gd name="connsiteX1" fmla="*/ 3255962 w 3255962"/>
              <a:gd name="connsiteY1" fmla="*/ 0 h 3178175"/>
              <a:gd name="connsiteX2" fmla="*/ 1981200 w 3255962"/>
              <a:gd name="connsiteY2" fmla="*/ 863600 h 3178175"/>
              <a:gd name="connsiteX3" fmla="*/ 1581149 w 3255962"/>
              <a:gd name="connsiteY3" fmla="*/ 849313 h 3178175"/>
              <a:gd name="connsiteX4" fmla="*/ 1243012 w 3255962"/>
              <a:gd name="connsiteY4" fmla="*/ 861219 h 3178175"/>
              <a:gd name="connsiteX5" fmla="*/ 778668 w 3255962"/>
              <a:gd name="connsiteY5" fmla="*/ 923132 h 3178175"/>
              <a:gd name="connsiteX6" fmla="*/ 1112043 w 3255962"/>
              <a:gd name="connsiteY6" fmla="*/ 330201 h 3178175"/>
              <a:gd name="connsiteX7" fmla="*/ 440531 w 3255962"/>
              <a:gd name="connsiteY7" fmla="*/ 273049 h 3178175"/>
              <a:gd name="connsiteX8" fmla="*/ 0 w 3255962"/>
              <a:gd name="connsiteY8" fmla="*/ 1604169 h 3178175"/>
              <a:gd name="connsiteX9" fmla="*/ 1390649 w 3255962"/>
              <a:gd name="connsiteY9" fmla="*/ 1213643 h 3178175"/>
              <a:gd name="connsiteX10" fmla="*/ 823912 w 3255962"/>
              <a:gd name="connsiteY10" fmla="*/ 3178175 h 3178175"/>
              <a:gd name="connsiteX0" fmla="*/ 823912 w 3255962"/>
              <a:gd name="connsiteY0" fmla="*/ 3178175 h 3178175"/>
              <a:gd name="connsiteX1" fmla="*/ 3255962 w 3255962"/>
              <a:gd name="connsiteY1" fmla="*/ 0 h 3178175"/>
              <a:gd name="connsiteX2" fmla="*/ 1895475 w 3255962"/>
              <a:gd name="connsiteY2" fmla="*/ 213519 h 3178175"/>
              <a:gd name="connsiteX3" fmla="*/ 1581149 w 3255962"/>
              <a:gd name="connsiteY3" fmla="*/ 849313 h 3178175"/>
              <a:gd name="connsiteX4" fmla="*/ 1243012 w 3255962"/>
              <a:gd name="connsiteY4" fmla="*/ 861219 h 3178175"/>
              <a:gd name="connsiteX5" fmla="*/ 778668 w 3255962"/>
              <a:gd name="connsiteY5" fmla="*/ 923132 h 3178175"/>
              <a:gd name="connsiteX6" fmla="*/ 1112043 w 3255962"/>
              <a:gd name="connsiteY6" fmla="*/ 330201 h 3178175"/>
              <a:gd name="connsiteX7" fmla="*/ 440531 w 3255962"/>
              <a:gd name="connsiteY7" fmla="*/ 273049 h 3178175"/>
              <a:gd name="connsiteX8" fmla="*/ 0 w 3255962"/>
              <a:gd name="connsiteY8" fmla="*/ 1604169 h 3178175"/>
              <a:gd name="connsiteX9" fmla="*/ 1390649 w 3255962"/>
              <a:gd name="connsiteY9" fmla="*/ 1213643 h 3178175"/>
              <a:gd name="connsiteX10" fmla="*/ 823912 w 3255962"/>
              <a:gd name="connsiteY10" fmla="*/ 3178175 h 3178175"/>
              <a:gd name="connsiteX0" fmla="*/ 823912 w 3255962"/>
              <a:gd name="connsiteY0" fmla="*/ 3521868 h 3521868"/>
              <a:gd name="connsiteX1" fmla="*/ 3255962 w 3255962"/>
              <a:gd name="connsiteY1" fmla="*/ 343693 h 3521868"/>
              <a:gd name="connsiteX2" fmla="*/ 1895475 w 3255962"/>
              <a:gd name="connsiteY2" fmla="*/ 557212 h 3521868"/>
              <a:gd name="connsiteX3" fmla="*/ 2035968 w 3255962"/>
              <a:gd name="connsiteY3" fmla="*/ 0 h 3521868"/>
              <a:gd name="connsiteX4" fmla="*/ 1243012 w 3255962"/>
              <a:gd name="connsiteY4" fmla="*/ 1204912 h 3521868"/>
              <a:gd name="connsiteX5" fmla="*/ 778668 w 3255962"/>
              <a:gd name="connsiteY5" fmla="*/ 1266825 h 3521868"/>
              <a:gd name="connsiteX6" fmla="*/ 1112043 w 3255962"/>
              <a:gd name="connsiteY6" fmla="*/ 673894 h 3521868"/>
              <a:gd name="connsiteX7" fmla="*/ 440531 w 3255962"/>
              <a:gd name="connsiteY7" fmla="*/ 616742 h 3521868"/>
              <a:gd name="connsiteX8" fmla="*/ 0 w 3255962"/>
              <a:gd name="connsiteY8" fmla="*/ 1947862 h 3521868"/>
              <a:gd name="connsiteX9" fmla="*/ 1390649 w 3255962"/>
              <a:gd name="connsiteY9" fmla="*/ 1557336 h 3521868"/>
              <a:gd name="connsiteX10" fmla="*/ 823912 w 3255962"/>
              <a:gd name="connsiteY10" fmla="*/ 3521868 h 3521868"/>
              <a:gd name="connsiteX0" fmla="*/ 823912 w 3255962"/>
              <a:gd name="connsiteY0" fmla="*/ 4400549 h 4400549"/>
              <a:gd name="connsiteX1" fmla="*/ 3255962 w 3255962"/>
              <a:gd name="connsiteY1" fmla="*/ 1222374 h 4400549"/>
              <a:gd name="connsiteX2" fmla="*/ 1895475 w 3255962"/>
              <a:gd name="connsiteY2" fmla="*/ 1435893 h 4400549"/>
              <a:gd name="connsiteX3" fmla="*/ 2340768 w 3255962"/>
              <a:gd name="connsiteY3" fmla="*/ 0 h 4400549"/>
              <a:gd name="connsiteX4" fmla="*/ 1243012 w 3255962"/>
              <a:gd name="connsiteY4" fmla="*/ 2083593 h 4400549"/>
              <a:gd name="connsiteX5" fmla="*/ 778668 w 3255962"/>
              <a:gd name="connsiteY5" fmla="*/ 2145506 h 4400549"/>
              <a:gd name="connsiteX6" fmla="*/ 1112043 w 3255962"/>
              <a:gd name="connsiteY6" fmla="*/ 1552575 h 4400549"/>
              <a:gd name="connsiteX7" fmla="*/ 440531 w 3255962"/>
              <a:gd name="connsiteY7" fmla="*/ 1495423 h 4400549"/>
              <a:gd name="connsiteX8" fmla="*/ 0 w 3255962"/>
              <a:gd name="connsiteY8" fmla="*/ 2826543 h 4400549"/>
              <a:gd name="connsiteX9" fmla="*/ 1390649 w 3255962"/>
              <a:gd name="connsiteY9" fmla="*/ 2436017 h 4400549"/>
              <a:gd name="connsiteX10" fmla="*/ 823912 w 3255962"/>
              <a:gd name="connsiteY10" fmla="*/ 4400549 h 4400549"/>
              <a:gd name="connsiteX0" fmla="*/ 823912 w 3255962"/>
              <a:gd name="connsiteY0" fmla="*/ 4400549 h 4400549"/>
              <a:gd name="connsiteX1" fmla="*/ 3255962 w 3255962"/>
              <a:gd name="connsiteY1" fmla="*/ 1222374 h 4400549"/>
              <a:gd name="connsiteX2" fmla="*/ 1895475 w 3255962"/>
              <a:gd name="connsiteY2" fmla="*/ 1435893 h 4400549"/>
              <a:gd name="connsiteX3" fmla="*/ 2340768 w 3255962"/>
              <a:gd name="connsiteY3" fmla="*/ 0 h 4400549"/>
              <a:gd name="connsiteX4" fmla="*/ 778668 w 3255962"/>
              <a:gd name="connsiteY4" fmla="*/ 2145506 h 4400549"/>
              <a:gd name="connsiteX5" fmla="*/ 1112043 w 3255962"/>
              <a:gd name="connsiteY5" fmla="*/ 1552575 h 4400549"/>
              <a:gd name="connsiteX6" fmla="*/ 440531 w 3255962"/>
              <a:gd name="connsiteY6" fmla="*/ 1495423 h 4400549"/>
              <a:gd name="connsiteX7" fmla="*/ 0 w 3255962"/>
              <a:gd name="connsiteY7" fmla="*/ 2826543 h 4400549"/>
              <a:gd name="connsiteX8" fmla="*/ 1390649 w 3255962"/>
              <a:gd name="connsiteY8" fmla="*/ 2436017 h 4400549"/>
              <a:gd name="connsiteX9" fmla="*/ 823912 w 3255962"/>
              <a:gd name="connsiteY9" fmla="*/ 4400549 h 4400549"/>
              <a:gd name="connsiteX0" fmla="*/ 823912 w 3255962"/>
              <a:gd name="connsiteY0" fmla="*/ 4400549 h 4400549"/>
              <a:gd name="connsiteX1" fmla="*/ 3255962 w 3255962"/>
              <a:gd name="connsiteY1" fmla="*/ 1222374 h 4400549"/>
              <a:gd name="connsiteX2" fmla="*/ 1895475 w 3255962"/>
              <a:gd name="connsiteY2" fmla="*/ 1435893 h 4400549"/>
              <a:gd name="connsiteX3" fmla="*/ 2340768 w 3255962"/>
              <a:gd name="connsiteY3" fmla="*/ 0 h 4400549"/>
              <a:gd name="connsiteX4" fmla="*/ 1112043 w 3255962"/>
              <a:gd name="connsiteY4" fmla="*/ 1552575 h 4400549"/>
              <a:gd name="connsiteX5" fmla="*/ 440531 w 3255962"/>
              <a:gd name="connsiteY5" fmla="*/ 1495423 h 4400549"/>
              <a:gd name="connsiteX6" fmla="*/ 0 w 3255962"/>
              <a:gd name="connsiteY6" fmla="*/ 2826543 h 4400549"/>
              <a:gd name="connsiteX7" fmla="*/ 1390649 w 3255962"/>
              <a:gd name="connsiteY7" fmla="*/ 2436017 h 4400549"/>
              <a:gd name="connsiteX8" fmla="*/ 823912 w 3255962"/>
              <a:gd name="connsiteY8" fmla="*/ 4400549 h 4400549"/>
              <a:gd name="connsiteX0" fmla="*/ 823912 w 3255962"/>
              <a:gd name="connsiteY0" fmla="*/ 4400549 h 4400549"/>
              <a:gd name="connsiteX1" fmla="*/ 3255962 w 3255962"/>
              <a:gd name="connsiteY1" fmla="*/ 1222374 h 4400549"/>
              <a:gd name="connsiteX2" fmla="*/ 1895475 w 3255962"/>
              <a:gd name="connsiteY2" fmla="*/ 1435893 h 4400549"/>
              <a:gd name="connsiteX3" fmla="*/ 2340768 w 3255962"/>
              <a:gd name="connsiteY3" fmla="*/ 0 h 4400549"/>
              <a:gd name="connsiteX4" fmla="*/ 1259680 w 3255962"/>
              <a:gd name="connsiteY4" fmla="*/ 435769 h 4400549"/>
              <a:gd name="connsiteX5" fmla="*/ 440531 w 3255962"/>
              <a:gd name="connsiteY5" fmla="*/ 1495423 h 4400549"/>
              <a:gd name="connsiteX6" fmla="*/ 0 w 3255962"/>
              <a:gd name="connsiteY6" fmla="*/ 2826543 h 4400549"/>
              <a:gd name="connsiteX7" fmla="*/ 1390649 w 3255962"/>
              <a:gd name="connsiteY7" fmla="*/ 2436017 h 4400549"/>
              <a:gd name="connsiteX8" fmla="*/ 823912 w 3255962"/>
              <a:gd name="connsiteY8" fmla="*/ 4400549 h 4400549"/>
              <a:gd name="connsiteX0" fmla="*/ 823912 w 3255962"/>
              <a:gd name="connsiteY0" fmla="*/ 4400549 h 4400549"/>
              <a:gd name="connsiteX1" fmla="*/ 3255962 w 3255962"/>
              <a:gd name="connsiteY1" fmla="*/ 1222374 h 4400549"/>
              <a:gd name="connsiteX2" fmla="*/ 1895475 w 3255962"/>
              <a:gd name="connsiteY2" fmla="*/ 1435893 h 4400549"/>
              <a:gd name="connsiteX3" fmla="*/ 2340768 w 3255962"/>
              <a:gd name="connsiteY3" fmla="*/ 0 h 4400549"/>
              <a:gd name="connsiteX4" fmla="*/ 440531 w 3255962"/>
              <a:gd name="connsiteY4" fmla="*/ 1495423 h 4400549"/>
              <a:gd name="connsiteX5" fmla="*/ 0 w 3255962"/>
              <a:gd name="connsiteY5" fmla="*/ 2826543 h 4400549"/>
              <a:gd name="connsiteX6" fmla="*/ 1390649 w 3255962"/>
              <a:gd name="connsiteY6" fmla="*/ 2436017 h 4400549"/>
              <a:gd name="connsiteX7" fmla="*/ 823912 w 3255962"/>
              <a:gd name="connsiteY7" fmla="*/ 4400549 h 4400549"/>
              <a:gd name="connsiteX0" fmla="*/ 823912 w 3255962"/>
              <a:gd name="connsiteY0" fmla="*/ 4431508 h 4431508"/>
              <a:gd name="connsiteX1" fmla="*/ 3255962 w 3255962"/>
              <a:gd name="connsiteY1" fmla="*/ 1253333 h 4431508"/>
              <a:gd name="connsiteX2" fmla="*/ 1895475 w 3255962"/>
              <a:gd name="connsiteY2" fmla="*/ 1466852 h 4431508"/>
              <a:gd name="connsiteX3" fmla="*/ 2340768 w 3255962"/>
              <a:gd name="connsiteY3" fmla="*/ 30959 h 4431508"/>
              <a:gd name="connsiteX4" fmla="*/ 1057275 w 3255962"/>
              <a:gd name="connsiteY4" fmla="*/ 0 h 4431508"/>
              <a:gd name="connsiteX5" fmla="*/ 0 w 3255962"/>
              <a:gd name="connsiteY5" fmla="*/ 2857502 h 4431508"/>
              <a:gd name="connsiteX6" fmla="*/ 1390649 w 3255962"/>
              <a:gd name="connsiteY6" fmla="*/ 2466976 h 4431508"/>
              <a:gd name="connsiteX7" fmla="*/ 823912 w 3255962"/>
              <a:gd name="connsiteY7" fmla="*/ 4431508 h 4431508"/>
              <a:gd name="connsiteX0" fmla="*/ 823912 w 3255962"/>
              <a:gd name="connsiteY0" fmla="*/ 5553077 h 5553077"/>
              <a:gd name="connsiteX1" fmla="*/ 3255962 w 3255962"/>
              <a:gd name="connsiteY1" fmla="*/ 2374902 h 5553077"/>
              <a:gd name="connsiteX2" fmla="*/ 1895475 w 3255962"/>
              <a:gd name="connsiteY2" fmla="*/ 2588421 h 5553077"/>
              <a:gd name="connsiteX3" fmla="*/ 2340768 w 3255962"/>
              <a:gd name="connsiteY3" fmla="*/ 1152528 h 5553077"/>
              <a:gd name="connsiteX4" fmla="*/ 1302544 w 3255962"/>
              <a:gd name="connsiteY4" fmla="*/ 0 h 5553077"/>
              <a:gd name="connsiteX5" fmla="*/ 0 w 3255962"/>
              <a:gd name="connsiteY5" fmla="*/ 3979071 h 5553077"/>
              <a:gd name="connsiteX6" fmla="*/ 1390649 w 3255962"/>
              <a:gd name="connsiteY6" fmla="*/ 3588545 h 5553077"/>
              <a:gd name="connsiteX7" fmla="*/ 823912 w 3255962"/>
              <a:gd name="connsiteY7" fmla="*/ 5553077 h 5553077"/>
              <a:gd name="connsiteX0" fmla="*/ 823912 w 3255962"/>
              <a:gd name="connsiteY0" fmla="*/ 5564980 h 5564980"/>
              <a:gd name="connsiteX1" fmla="*/ 3255962 w 3255962"/>
              <a:gd name="connsiteY1" fmla="*/ 2386805 h 5564980"/>
              <a:gd name="connsiteX2" fmla="*/ 1895475 w 3255962"/>
              <a:gd name="connsiteY2" fmla="*/ 2600324 h 5564980"/>
              <a:gd name="connsiteX3" fmla="*/ 2712243 w 3255962"/>
              <a:gd name="connsiteY3" fmla="*/ 0 h 5564980"/>
              <a:gd name="connsiteX4" fmla="*/ 1302544 w 3255962"/>
              <a:gd name="connsiteY4" fmla="*/ 11903 h 5564980"/>
              <a:gd name="connsiteX5" fmla="*/ 0 w 3255962"/>
              <a:gd name="connsiteY5" fmla="*/ 3990974 h 5564980"/>
              <a:gd name="connsiteX6" fmla="*/ 1390649 w 3255962"/>
              <a:gd name="connsiteY6" fmla="*/ 3600448 h 5564980"/>
              <a:gd name="connsiteX7" fmla="*/ 823912 w 3255962"/>
              <a:gd name="connsiteY7" fmla="*/ 5564980 h 5564980"/>
              <a:gd name="connsiteX0" fmla="*/ 823912 w 3255962"/>
              <a:gd name="connsiteY0" fmla="*/ 5556102 h 5556102"/>
              <a:gd name="connsiteX1" fmla="*/ 3255962 w 3255962"/>
              <a:gd name="connsiteY1" fmla="*/ 2377927 h 5556102"/>
              <a:gd name="connsiteX2" fmla="*/ 1895475 w 3255962"/>
              <a:gd name="connsiteY2" fmla="*/ 2591446 h 5556102"/>
              <a:gd name="connsiteX3" fmla="*/ 2712243 w 3255962"/>
              <a:gd name="connsiteY3" fmla="*/ 0 h 5556102"/>
              <a:gd name="connsiteX4" fmla="*/ 1302544 w 3255962"/>
              <a:gd name="connsiteY4" fmla="*/ 3025 h 5556102"/>
              <a:gd name="connsiteX5" fmla="*/ 0 w 3255962"/>
              <a:gd name="connsiteY5" fmla="*/ 3982096 h 5556102"/>
              <a:gd name="connsiteX6" fmla="*/ 1390649 w 3255962"/>
              <a:gd name="connsiteY6" fmla="*/ 3591570 h 5556102"/>
              <a:gd name="connsiteX7" fmla="*/ 823912 w 3255962"/>
              <a:gd name="connsiteY7" fmla="*/ 5556102 h 5556102"/>
              <a:gd name="connsiteX0" fmla="*/ 823912 w 3255962"/>
              <a:gd name="connsiteY0" fmla="*/ 5884576 h 5884576"/>
              <a:gd name="connsiteX1" fmla="*/ 3255962 w 3255962"/>
              <a:gd name="connsiteY1" fmla="*/ 2706401 h 5884576"/>
              <a:gd name="connsiteX2" fmla="*/ 1895475 w 3255962"/>
              <a:gd name="connsiteY2" fmla="*/ 2919920 h 5884576"/>
              <a:gd name="connsiteX3" fmla="*/ 2818775 w 3255962"/>
              <a:gd name="connsiteY3" fmla="*/ 0 h 5884576"/>
              <a:gd name="connsiteX4" fmla="*/ 1302544 w 3255962"/>
              <a:gd name="connsiteY4" fmla="*/ 331499 h 5884576"/>
              <a:gd name="connsiteX5" fmla="*/ 0 w 3255962"/>
              <a:gd name="connsiteY5" fmla="*/ 4310570 h 5884576"/>
              <a:gd name="connsiteX6" fmla="*/ 1390649 w 3255962"/>
              <a:gd name="connsiteY6" fmla="*/ 3920044 h 5884576"/>
              <a:gd name="connsiteX7" fmla="*/ 823912 w 3255962"/>
              <a:gd name="connsiteY7" fmla="*/ 5884576 h 5884576"/>
              <a:gd name="connsiteX0" fmla="*/ 823912 w 3255962"/>
              <a:gd name="connsiteY0" fmla="*/ 5884576 h 5884576"/>
              <a:gd name="connsiteX1" fmla="*/ 3255962 w 3255962"/>
              <a:gd name="connsiteY1" fmla="*/ 2706401 h 5884576"/>
              <a:gd name="connsiteX2" fmla="*/ 1895475 w 3255962"/>
              <a:gd name="connsiteY2" fmla="*/ 2919920 h 5884576"/>
              <a:gd name="connsiteX3" fmla="*/ 2818775 w 3255962"/>
              <a:gd name="connsiteY3" fmla="*/ 0 h 5884576"/>
              <a:gd name="connsiteX4" fmla="*/ 1391321 w 3255962"/>
              <a:gd name="connsiteY4" fmla="*/ 20781 h 5884576"/>
              <a:gd name="connsiteX5" fmla="*/ 0 w 3255962"/>
              <a:gd name="connsiteY5" fmla="*/ 4310570 h 5884576"/>
              <a:gd name="connsiteX6" fmla="*/ 1390649 w 3255962"/>
              <a:gd name="connsiteY6" fmla="*/ 3920044 h 5884576"/>
              <a:gd name="connsiteX7" fmla="*/ 823912 w 3255962"/>
              <a:gd name="connsiteY7" fmla="*/ 5884576 h 5884576"/>
              <a:gd name="connsiteX0" fmla="*/ 823912 w 3255962"/>
              <a:gd name="connsiteY0" fmla="*/ 5875698 h 5875698"/>
              <a:gd name="connsiteX1" fmla="*/ 3255962 w 3255962"/>
              <a:gd name="connsiteY1" fmla="*/ 2697523 h 5875698"/>
              <a:gd name="connsiteX2" fmla="*/ 1895475 w 3255962"/>
              <a:gd name="connsiteY2" fmla="*/ 2911042 h 5875698"/>
              <a:gd name="connsiteX3" fmla="*/ 2818775 w 3255962"/>
              <a:gd name="connsiteY3" fmla="*/ 0 h 5875698"/>
              <a:gd name="connsiteX4" fmla="*/ 1391321 w 3255962"/>
              <a:gd name="connsiteY4" fmla="*/ 11903 h 5875698"/>
              <a:gd name="connsiteX5" fmla="*/ 0 w 3255962"/>
              <a:gd name="connsiteY5" fmla="*/ 4301692 h 5875698"/>
              <a:gd name="connsiteX6" fmla="*/ 1390649 w 3255962"/>
              <a:gd name="connsiteY6" fmla="*/ 3911166 h 5875698"/>
              <a:gd name="connsiteX7" fmla="*/ 823912 w 3255962"/>
              <a:gd name="connsiteY7" fmla="*/ 5875698 h 587569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3255962" h="5875698">
                <a:moveTo>
                  <a:pt x="823912" y="5875698"/>
                </a:moveTo>
                <a:lnTo>
                  <a:pt x="3255962" y="2697523"/>
                </a:lnTo>
                <a:lnTo>
                  <a:pt x="1895475" y="2911042"/>
                </a:lnTo>
                <a:lnTo>
                  <a:pt x="2818775" y="0"/>
                </a:lnTo>
                <a:lnTo>
                  <a:pt x="1391321" y="11903"/>
                </a:lnTo>
                <a:lnTo>
                  <a:pt x="0" y="4301692"/>
                </a:lnTo>
                <a:lnTo>
                  <a:pt x="1390649" y="3911166"/>
                </a:lnTo>
                <a:lnTo>
                  <a:pt x="823912" y="5875698"/>
                </a:lnTo>
                <a:close/>
              </a:path>
            </a:pathLst>
          </a:custGeom>
          <a:solidFill>
            <a:srgbClr val="EEF0E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IN"/>
          </a:p>
        </p:txBody>
      </p:sp>
      <p:sp>
        <p:nvSpPr>
          <p:cNvPr id="6" name="Subtitle 2">
            <a:extLst>
              <a:ext uri="{FF2B5EF4-FFF2-40B4-BE49-F238E27FC236}">
                <a16:creationId xmlns:a16="http://schemas.microsoft.com/office/drawing/2014/main" id="{1C063D51-F33D-77EA-AF3B-06225B004E60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2209800" y="3135108"/>
            <a:ext cx="7531224" cy="1474387"/>
          </a:xfrm>
          <a:prstGeom prst="rect">
            <a:avLst/>
          </a:prstGeom>
        </p:spPr>
        <p:txBody>
          <a:bodyPr>
            <a:normAutofit/>
          </a:bodyPr>
          <a:lstStyle>
            <a:lvl1pPr marL="0" indent="0" algn="l">
              <a:buNone/>
              <a:defRPr sz="4000">
                <a:solidFill>
                  <a:srgbClr val="C00000"/>
                </a:solidFill>
                <a:latin typeface="Gotham" pitchFamily="50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Thank You</a:t>
            </a:r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024760593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79853381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1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3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6" y="3394394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301456DC-1C04-4539-80D2-70C9A69FBAC5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25268785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301456DC-1C04-4539-80D2-70C9A69FBAC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Copyright">
            <a:extLst>
              <a:ext uri="{FF2B5EF4-FFF2-40B4-BE49-F238E27FC236}">
                <a16:creationId xmlns:a16="http://schemas.microsoft.com/office/drawing/2014/main" id="{8D15B0A6-30A7-4298-9131-CE11001CC8E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9" name="Pentagon 3">
            <a:extLst>
              <a:ext uri="{FF2B5EF4-FFF2-40B4-BE49-F238E27FC236}">
                <a16:creationId xmlns:a16="http://schemas.microsoft.com/office/drawing/2014/main" id="{C569D81C-8F7B-4C1C-8E16-0BAFAB12AE4F}"/>
              </a:ext>
            </a:extLst>
          </p:cNvPr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BF1B0C43-4D55-4C49-AFCF-E6B69F91596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6" y="3394394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1018543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1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3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6" name="Pentagon 3">
            <a:extLst>
              <a:ext uri="{FF2B5EF4-FFF2-40B4-BE49-F238E27FC236}">
                <a16:creationId xmlns:a16="http://schemas.microsoft.com/office/drawing/2014/main" id="{A1A9425D-80E9-40ED-8A3C-29610A6A1C80}"/>
              </a:ext>
            </a:extLst>
          </p:cNvPr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CBB4EF2D-7D1D-4129-BDD3-379A245C5EE0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7B2E7E0E-7ACB-4D57-940A-72FE601AFEA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F7E4E897-7C5F-486F-A9CB-59C5F43DE0F4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12808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half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6D3710D-82FE-41F9-878D-A154F8A7AE8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96502867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6D3710D-82FE-41F9-878D-A154F8A7AE8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1D7E285-D4D0-44FF-9E7F-8985EE58894A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DB2026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55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1" y="740524"/>
            <a:ext cx="4673647" cy="353174"/>
          </a:xfrm>
          <a:prstGeom prst="rect">
            <a:avLst/>
          </a:prstGeom>
        </p:spPr>
        <p:txBody>
          <a:bodyPr vert="horz" wrap="square" lIns="0" tIns="0" rIns="0" bIns="0" anchor="b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5" y="3589606"/>
            <a:ext cx="1365251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Copyright">
            <a:extLst>
              <a:ext uri="{FF2B5EF4-FFF2-40B4-BE49-F238E27FC236}">
                <a16:creationId xmlns:a16="http://schemas.microsoft.com/office/drawing/2014/main" id="{AF267048-D347-463D-B804-0C97B5F6C86B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21856186-F845-4D87-8D92-E7988D12EE7F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Pentagon 8">
            <a:extLst>
              <a:ext uri="{FF2B5EF4-FFF2-40B4-BE49-F238E27FC236}">
                <a16:creationId xmlns:a16="http://schemas.microsoft.com/office/drawing/2014/main" id="{4D61E53E-75DA-41A9-9376-926C56A0A09C}"/>
              </a:ext>
            </a:extLst>
          </p:cNvPr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8F68AD38-E5AA-4A6D-9275-017E0A252CD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5" y="3589606"/>
            <a:ext cx="1365251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404639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1" y="622800"/>
            <a:ext cx="4673647" cy="353174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6" name="Pentagon 8">
            <a:extLst>
              <a:ext uri="{FF2B5EF4-FFF2-40B4-BE49-F238E27FC236}">
                <a16:creationId xmlns:a16="http://schemas.microsoft.com/office/drawing/2014/main" id="{4866E51E-6F73-456E-8FB2-7B2DB359C24D}"/>
              </a:ext>
            </a:extLst>
          </p:cNvPr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8BB76E93-DA98-42AF-B114-027D7B727654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523CCF8A-4CBB-4F86-8F46-176463413855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190D094A-8644-46D1-8682-FBC5FE7CA68B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3727946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two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2173B7E-5DD1-4205-A7B5-4CB3804F42B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63700261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2173B7E-5DD1-4205-A7B5-4CB3804F42B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A9CE3C3-9B09-465C-B77E-0E75D092C35F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DB2026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55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2" name="Freeform 18"/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740524"/>
            <a:ext cx="6256800" cy="353174"/>
          </a:xfrm>
          <a:prstGeom prst="rect">
            <a:avLst/>
          </a:prstGeom>
        </p:spPr>
        <p:txBody>
          <a:bodyPr vert="horz" wrap="square" lIns="0" tIns="0" rIns="0" bIns="0" anchor="b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1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Freeform 18">
            <a:extLst>
              <a:ext uri="{FF2B5EF4-FFF2-40B4-BE49-F238E27FC236}">
                <a16:creationId xmlns:a16="http://schemas.microsoft.com/office/drawing/2014/main" id="{E069ABF2-32D1-4CF4-A03E-B3923CD6663F}"/>
              </a:ext>
            </a:extLst>
          </p:cNvPr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>
            <a:extLst>
              <a:ext uri="{FF2B5EF4-FFF2-40B4-BE49-F238E27FC236}">
                <a16:creationId xmlns:a16="http://schemas.microsoft.com/office/drawing/2014/main" id="{CD409207-2BB1-4554-86F4-8877642E517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6A781CA5-939D-4205-BD21-CC57A1AA1F86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9CEAC0DF-008E-4FAC-B751-01376DE07CF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1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3542652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6344604-1FE6-4409-8073-11224709723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17933506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6344604-1FE6-4409-8073-11224709723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A435E27-017C-4779-9F23-CB7EC9FB5AC5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DB2026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55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2" name="Freeform 18"/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740524"/>
            <a:ext cx="6256800" cy="353174"/>
          </a:xfrm>
          <a:prstGeom prst="rect">
            <a:avLst/>
          </a:prstGeom>
        </p:spPr>
        <p:txBody>
          <a:bodyPr vert="horz" wrap="square" lIns="0" tIns="0" rIns="0" bIns="0" anchor="b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8" name="Freeform 18">
            <a:extLst>
              <a:ext uri="{FF2B5EF4-FFF2-40B4-BE49-F238E27FC236}">
                <a16:creationId xmlns:a16="http://schemas.microsoft.com/office/drawing/2014/main" id="{E8FCE11F-3F7F-451C-A983-BD5EA51C7427}"/>
              </a:ext>
            </a:extLst>
          </p:cNvPr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C4A78C91-A51A-4DEC-8EF5-A980D0265B0E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Copyright">
            <a:extLst>
              <a:ext uri="{FF2B5EF4-FFF2-40B4-BE49-F238E27FC236}">
                <a16:creationId xmlns:a16="http://schemas.microsoft.com/office/drawing/2014/main" id="{024A5289-16D8-4240-88E5-F31345806AC1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ABA9BF5F-5039-4419-95A4-26DB17982C4F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6846205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4B0F6FF8-AD73-4570-8883-3786B36E1DE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8948586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8D01B9EA-5F65-40DB-B8F9-B448F0B3BA13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537545B7-AB6E-40EB-91EA-6A4AA50F2649}"/>
              </a:ext>
            </a:extLst>
          </p:cNvPr>
          <p:cNvSpPr/>
          <p:nvPr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419195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Quote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42195074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0">
              <a:latin typeface="+mn-lt"/>
              <a:sym typeface="Trebuchet MS" panose="020B0603020202020204" pitchFamily="34" charset="0"/>
            </a:endParaRPr>
          </a:p>
        </p:txBody>
      </p:sp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A4A1D301-45CE-4FB9-9643-5BBE5ECEBDF7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42619711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A4A1D301-45CE-4FB9-9643-5BBE5ECEBDF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Box 8">
            <a:extLst>
              <a:ext uri="{FF2B5EF4-FFF2-40B4-BE49-F238E27FC236}">
                <a16:creationId xmlns:a16="http://schemas.microsoft.com/office/drawing/2014/main" id="{4EBD1FB7-A2FA-45D8-92C1-E97FEC9DFFF3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01DAC52E-E1BF-47A3-B1AD-F5E748FFA069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2441655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740524"/>
            <a:ext cx="10933200" cy="353174"/>
          </a:xfrm>
        </p:spPr>
        <p:txBody>
          <a:bodyPr/>
          <a:lstStyle>
            <a:lvl1pPr>
              <a:defRPr sz="255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EF0C8804-B6BF-46E6-9281-1EA7BF03F058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Copyright">
            <a:extLst>
              <a:ext uri="{FF2B5EF4-FFF2-40B4-BE49-F238E27FC236}">
                <a16:creationId xmlns:a16="http://schemas.microsoft.com/office/drawing/2014/main" id="{34F21389-FDA1-45A2-9B36-8A914BDC7EB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9162143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5C4497F-859C-43D2-8939-02332A9DD6D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603682"/>
            <a:ext cx="3932237" cy="1453718"/>
          </a:xfrm>
          <a:prstGeom prst="rect">
            <a:avLst/>
          </a:prstGeo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1D282285-2A41-400A-9A69-7114683C8E12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FE2C4F69-3995-4225-A923-6D8D6832B10C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C6FB8EAA-43BD-4964-A816-97594F095FA5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810EECD0-EDFF-4AD8-B07C-355B98C2AEB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04465EC-B194-443B-A43D-543FB6DF535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778435671"/>
      </p:ext>
    </p:extLst>
  </p:cSld>
  <p:clrMapOvr>
    <a:masterClrMapping/>
  </p:clrMapOvr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pyright">
            <a:extLst>
              <a:ext uri="{FF2B5EF4-FFF2-40B4-BE49-F238E27FC236}">
                <a16:creationId xmlns:a16="http://schemas.microsoft.com/office/drawing/2014/main" id="{C4BEFD99-B644-4ACE-B678-F4F5F65428E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6313757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/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BF20257D-86AC-4F57-B3EC-E38DFB49E8FF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D8DC4140-137D-4A00-A1DD-3E9B5A6F310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629061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pyright">
            <a:extLst>
              <a:ext uri="{FF2B5EF4-FFF2-40B4-BE49-F238E27FC236}">
                <a16:creationId xmlns:a16="http://schemas.microsoft.com/office/drawing/2014/main" id="{33F0A3CE-1C55-4582-A310-C5BD524E4D0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9653357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85395507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84" imgH="384" progId="TCLayout.ActiveDocument.1">
                  <p:embed/>
                </p:oleObj>
              </mc:Choice>
              <mc:Fallback>
                <p:oleObj name="think-cell Slide" r:id="rId6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96B9F0F5-A54F-4FD2-AD46-EB352A6A6F63}"/>
              </a:ext>
            </a:extLst>
          </p:cNvPr>
          <p:cNvPicPr>
            <a:picLocks noChangeAspect="1"/>
          </p:cNvPicPr>
          <p:nvPr/>
        </p:nvPicPr>
        <p:blipFill rotWithShape="1">
          <a:blip r:embed="rId8">
            <a:grayscl/>
          </a:blip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8" name="Parallelogram 7">
            <a:extLst>
              <a:ext uri="{FF2B5EF4-FFF2-40B4-BE49-F238E27FC236}">
                <a16:creationId xmlns:a16="http://schemas.microsoft.com/office/drawing/2014/main" id="{3A4B14A3-BB44-4518-9E41-3820FE7577B1}"/>
              </a:ext>
            </a:extLst>
          </p:cNvPr>
          <p:cNvSpPr/>
          <p:nvPr/>
        </p:nvSpPr>
        <p:spPr bwMode="black">
          <a:xfrm>
            <a:off x="8545508" y="1539240"/>
            <a:ext cx="2846389" cy="5369940"/>
          </a:xfrm>
          <a:prstGeom prst="parallelogram">
            <a:avLst>
              <a:gd name="adj" fmla="val 47699"/>
            </a:avLst>
          </a:prstGeom>
          <a:solidFill>
            <a:srgbClr val="ED1D24">
              <a:alpha val="61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Parallelogram 8">
            <a:extLst>
              <a:ext uri="{FF2B5EF4-FFF2-40B4-BE49-F238E27FC236}">
                <a16:creationId xmlns:a16="http://schemas.microsoft.com/office/drawing/2014/main" id="{85F37F3E-8A0F-4419-80D0-585F03C4F18F}"/>
              </a:ext>
            </a:extLst>
          </p:cNvPr>
          <p:cNvSpPr/>
          <p:nvPr/>
        </p:nvSpPr>
        <p:spPr bwMode="black">
          <a:xfrm>
            <a:off x="8454068" y="0"/>
            <a:ext cx="2846389" cy="5369940"/>
          </a:xfrm>
          <a:prstGeom prst="parallelogram">
            <a:avLst>
              <a:gd name="adj" fmla="val 47699"/>
            </a:avLst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reeform: Shape 9">
            <a:extLst>
              <a:ext uri="{FF2B5EF4-FFF2-40B4-BE49-F238E27FC236}">
                <a16:creationId xmlns:a16="http://schemas.microsoft.com/office/drawing/2014/main" id="{1DE91DAF-A850-4E1E-8245-4BA65F340873}"/>
              </a:ext>
            </a:extLst>
          </p:cNvPr>
          <p:cNvSpPr/>
          <p:nvPr/>
        </p:nvSpPr>
        <p:spPr bwMode="black">
          <a:xfrm>
            <a:off x="-4499" y="1488060"/>
            <a:ext cx="10413417" cy="4117298"/>
          </a:xfrm>
          <a:custGeom>
            <a:avLst/>
            <a:gdLst>
              <a:gd name="connsiteX0" fmla="*/ 0 w 10413417"/>
              <a:gd name="connsiteY0" fmla="*/ 0 h 4117298"/>
              <a:gd name="connsiteX1" fmla="*/ 10413417 w 10413417"/>
              <a:gd name="connsiteY1" fmla="*/ 0 h 4117298"/>
              <a:gd name="connsiteX2" fmla="*/ 9384092 w 10413417"/>
              <a:gd name="connsiteY2" fmla="*/ 4117298 h 4117298"/>
              <a:gd name="connsiteX3" fmla="*/ 0 w 10413417"/>
              <a:gd name="connsiteY3" fmla="*/ 4117298 h 4117298"/>
              <a:gd name="connsiteX4" fmla="*/ 0 w 10413417"/>
              <a:gd name="connsiteY4" fmla="*/ 0 h 411729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413417" h="4117298">
                <a:moveTo>
                  <a:pt x="0" y="0"/>
                </a:moveTo>
                <a:lnTo>
                  <a:pt x="10413417" y="0"/>
                </a:lnTo>
                <a:lnTo>
                  <a:pt x="9384092" y="4117298"/>
                </a:lnTo>
                <a:lnTo>
                  <a:pt x="0" y="4117298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500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8E2CACFB-AC3A-410E-975E-04868F21E7D3}"/>
              </a:ext>
            </a:extLst>
          </p:cNvPr>
          <p:cNvSpPr/>
          <p:nvPr/>
        </p:nvSpPr>
        <p:spPr>
          <a:xfrm>
            <a:off x="630000" y="2937109"/>
            <a:ext cx="4175760" cy="121920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l"/>
            <a:r>
              <a:rPr lang="en-US" sz="4500">
                <a:solidFill>
                  <a:srgbClr val="FFFFFF"/>
                </a:solidFill>
              </a:rPr>
              <a:t>THANK YOU</a:t>
            </a:r>
          </a:p>
        </p:txBody>
      </p:sp>
      <p:graphicFrame>
        <p:nvGraphicFramePr>
          <p:cNvPr id="11" name="Object 10" hidden="1">
            <a:extLst>
              <a:ext uri="{FF2B5EF4-FFF2-40B4-BE49-F238E27FC236}">
                <a16:creationId xmlns:a16="http://schemas.microsoft.com/office/drawing/2014/main" id="{229AE855-1D7B-412C-BF95-6283A8FFA44C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35369323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9" imgW="384" imgH="384" progId="TCLayout.ActiveDocument.1">
                  <p:embed/>
                </p:oleObj>
              </mc:Choice>
              <mc:Fallback>
                <p:oleObj name="think-cell Slide" r:id="rId9" imgW="384" imgH="384" progId="TCLayout.ActiveDocument.1">
                  <p:embed/>
                  <p:pic>
                    <p:nvPicPr>
                      <p:cNvPr id="11" name="Object 10" hidden="1">
                        <a:extLst>
                          <a:ext uri="{FF2B5EF4-FFF2-40B4-BE49-F238E27FC236}">
                            <a16:creationId xmlns:a16="http://schemas.microsoft.com/office/drawing/2014/main" id="{229AE855-1D7B-412C-BF95-6283A8FFA44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TitleAndEndImages">
            <a:extLst>
              <a:ext uri="{FF2B5EF4-FFF2-40B4-BE49-F238E27FC236}">
                <a16:creationId xmlns:a16="http://schemas.microsoft.com/office/drawing/2014/main" id="{9A39579C-9415-4E3C-B2A2-A9B5615F5CDE}"/>
              </a:ext>
            </a:extLst>
          </p:cNvPr>
          <p:cNvPicPr>
            <a:picLocks noChangeAspect="1"/>
          </p:cNvPicPr>
          <p:nvPr>
            <p:custDataLst>
              <p:tags r:id="rId3"/>
            </p:custDataLst>
          </p:nvPr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flipH="1">
            <a:off x="0" y="0"/>
            <a:ext cx="12192000" cy="6858000"/>
          </a:xfrm>
          <a:prstGeom prst="rect">
            <a:avLst/>
          </a:prstGeom>
        </p:spPr>
      </p:pic>
      <p:sp>
        <p:nvSpPr>
          <p:cNvPr id="13" name="Rectangle 12">
            <a:extLst>
              <a:ext uri="{FF2B5EF4-FFF2-40B4-BE49-F238E27FC236}">
                <a16:creationId xmlns:a16="http://schemas.microsoft.com/office/drawing/2014/main" id="{37B103C0-EF83-45EA-B775-04E9713DBDC9}"/>
              </a:ext>
            </a:extLst>
          </p:cNvPr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Freeform 6">
            <a:extLst>
              <a:ext uri="{FF2B5EF4-FFF2-40B4-BE49-F238E27FC236}">
                <a16:creationId xmlns:a16="http://schemas.microsoft.com/office/drawing/2014/main" id="{AEB4BCBC-A5A0-4C11-8293-9BBCFBE10C1E}"/>
              </a:ext>
            </a:extLst>
          </p:cNvPr>
          <p:cNvSpPr>
            <a:spLocks noChangeAspect="1"/>
          </p:cNvSpPr>
          <p:nvPr>
            <p:custDataLst>
              <p:tags r:id="rId4"/>
            </p:custDataLst>
          </p:nvPr>
        </p:nvSpPr>
        <p:spPr bwMode="auto">
          <a:xfrm>
            <a:off x="2676859" y="2969513"/>
            <a:ext cx="4033357" cy="842974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0"/>
          </a:p>
        </p:txBody>
      </p:sp>
    </p:spTree>
    <p:extLst>
      <p:ext uri="{BB962C8B-B14F-4D97-AF65-F5344CB8AC3E}">
        <p14:creationId xmlns:p14="http://schemas.microsoft.com/office/powerpoint/2010/main" val="37212036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9" name="Group 48"/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5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1" name="Baselines / anchors"/>
            <p:cNvGrpSpPr/>
            <p:nvPr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35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50">
                <a:latin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50">
                <a:latin typeface="+mn-lt"/>
              </a:endParaRPr>
            </a:p>
          </p:txBody>
        </p:sp>
        <p:grpSp>
          <p:nvGrpSpPr>
            <p:cNvPr id="58" name="Five column measure"/>
            <p:cNvGrpSpPr/>
            <p:nvPr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endParaRPr lang="en-US" sz="90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248316"/>
              <a:ext cx="9030914" cy="311624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6858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5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6858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5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6858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5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9677401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55" name="Group 54">
            <a:extLst>
              <a:ext uri="{FF2B5EF4-FFF2-40B4-BE49-F238E27FC236}">
                <a16:creationId xmlns:a16="http://schemas.microsoft.com/office/drawing/2014/main" id="{8A458164-EE25-4C4D-85CE-B13B34D397ED}"/>
              </a:ext>
            </a:extLst>
          </p:cNvPr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6" name="No fly zone">
              <a:extLst>
                <a:ext uri="{FF2B5EF4-FFF2-40B4-BE49-F238E27FC236}">
                  <a16:creationId xmlns:a16="http://schemas.microsoft.com/office/drawing/2014/main" id="{63767054-9A4C-4370-BE7D-1CFFB3C7054E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5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93" name="Baselines / anchors">
              <a:extLst>
                <a:ext uri="{FF2B5EF4-FFF2-40B4-BE49-F238E27FC236}">
                  <a16:creationId xmlns:a16="http://schemas.microsoft.com/office/drawing/2014/main" id="{80D77686-9DF4-4440-A295-50DAEDBDDAAE}"/>
                </a:ext>
              </a:extLst>
            </p:cNvPr>
            <p:cNvGrpSpPr/>
            <p:nvPr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17" name="Straight Connector 116">
                <a:extLst>
                  <a:ext uri="{FF2B5EF4-FFF2-40B4-BE49-F238E27FC236}">
                    <a16:creationId xmlns:a16="http://schemas.microsoft.com/office/drawing/2014/main" id="{A427A70A-EAAB-42E5-BE2A-B73C6BC29DCB}"/>
                  </a:ext>
                </a:extLst>
              </p:cNvPr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>
                <a:extLst>
                  <a:ext uri="{FF2B5EF4-FFF2-40B4-BE49-F238E27FC236}">
                    <a16:creationId xmlns:a16="http://schemas.microsoft.com/office/drawing/2014/main" id="{828C0504-FDD3-4E80-87A0-F34D45288FDB}"/>
                  </a:ext>
                </a:extLst>
              </p:cNvPr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>
                <a:extLst>
                  <a:ext uri="{FF2B5EF4-FFF2-40B4-BE49-F238E27FC236}">
                    <a16:creationId xmlns:a16="http://schemas.microsoft.com/office/drawing/2014/main" id="{E88FA856-B2E3-4C08-BCE4-0B4C231BDE25}"/>
                  </a:ext>
                </a:extLst>
              </p:cNvPr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>
                <a:extLst>
                  <a:ext uri="{FF2B5EF4-FFF2-40B4-BE49-F238E27FC236}">
                    <a16:creationId xmlns:a16="http://schemas.microsoft.com/office/drawing/2014/main" id="{D39E204C-7536-42F7-BDE4-173A0359E4FF}"/>
                  </a:ext>
                </a:extLst>
              </p:cNvPr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>
                <a:extLst>
                  <a:ext uri="{FF2B5EF4-FFF2-40B4-BE49-F238E27FC236}">
                    <a16:creationId xmlns:a16="http://schemas.microsoft.com/office/drawing/2014/main" id="{D6F2C176-15DE-49DD-B41B-B15F79A418E7}"/>
                  </a:ext>
                </a:extLst>
              </p:cNvPr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>
                <a:extLst>
                  <a:ext uri="{FF2B5EF4-FFF2-40B4-BE49-F238E27FC236}">
                    <a16:creationId xmlns:a16="http://schemas.microsoft.com/office/drawing/2014/main" id="{7244B4D1-831A-4A39-9648-1FB2572F1317}"/>
                  </a:ext>
                </a:extLst>
              </p:cNvPr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>
                <a:extLst>
                  <a:ext uri="{FF2B5EF4-FFF2-40B4-BE49-F238E27FC236}">
                    <a16:creationId xmlns:a16="http://schemas.microsoft.com/office/drawing/2014/main" id="{ECC9F380-BF41-45FD-8849-CC10DA9BE56F}"/>
                  </a:ext>
                </a:extLst>
              </p:cNvPr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>
                <a:extLst>
                  <a:ext uri="{FF2B5EF4-FFF2-40B4-BE49-F238E27FC236}">
                    <a16:creationId xmlns:a16="http://schemas.microsoft.com/office/drawing/2014/main" id="{1013777C-58A2-48C2-A14B-DD3293296EBB}"/>
                  </a:ext>
                </a:extLst>
              </p:cNvPr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>
                <a:extLst>
                  <a:ext uri="{FF2B5EF4-FFF2-40B4-BE49-F238E27FC236}">
                    <a16:creationId xmlns:a16="http://schemas.microsoft.com/office/drawing/2014/main" id="{8EFDFC98-92E4-4005-9A5C-367B8A2209D3}"/>
                  </a:ext>
                </a:extLst>
              </p:cNvPr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>
                <a:extLst>
                  <a:ext uri="{FF2B5EF4-FFF2-40B4-BE49-F238E27FC236}">
                    <a16:creationId xmlns:a16="http://schemas.microsoft.com/office/drawing/2014/main" id="{0D23D0F4-B7F8-48ED-9D4A-596C3F4CA770}"/>
                  </a:ext>
                </a:extLst>
              </p:cNvPr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>
                <a:extLst>
                  <a:ext uri="{FF2B5EF4-FFF2-40B4-BE49-F238E27FC236}">
                    <a16:creationId xmlns:a16="http://schemas.microsoft.com/office/drawing/2014/main" id="{8205033D-7A8B-4135-8F7C-3464F1CD83B0}"/>
                  </a:ext>
                </a:extLst>
              </p:cNvPr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>
                <a:extLst>
                  <a:ext uri="{FF2B5EF4-FFF2-40B4-BE49-F238E27FC236}">
                    <a16:creationId xmlns:a16="http://schemas.microsoft.com/office/drawing/2014/main" id="{FD7715AB-37D7-4B57-9425-EF961D6E2E2F}"/>
                  </a:ext>
                </a:extLst>
              </p:cNvPr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>
                <a:extLst>
                  <a:ext uri="{FF2B5EF4-FFF2-40B4-BE49-F238E27FC236}">
                    <a16:creationId xmlns:a16="http://schemas.microsoft.com/office/drawing/2014/main" id="{F663EBB4-7EF0-4B46-8A44-C16BEFA28228}"/>
                  </a:ext>
                </a:extLst>
              </p:cNvPr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>
                <a:extLst>
                  <a:ext uri="{FF2B5EF4-FFF2-40B4-BE49-F238E27FC236}">
                    <a16:creationId xmlns:a16="http://schemas.microsoft.com/office/drawing/2014/main" id="{BE311C85-2552-4F3D-8522-824A65F087D9}"/>
                  </a:ext>
                </a:extLst>
              </p:cNvPr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>
                <a:extLst>
                  <a:ext uri="{FF2B5EF4-FFF2-40B4-BE49-F238E27FC236}">
                    <a16:creationId xmlns:a16="http://schemas.microsoft.com/office/drawing/2014/main" id="{0A029CF5-C112-4F93-9BA2-CD9B82A2171B}"/>
                  </a:ext>
                </a:extLst>
              </p:cNvPr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>
                <a:extLst>
                  <a:ext uri="{FF2B5EF4-FFF2-40B4-BE49-F238E27FC236}">
                    <a16:creationId xmlns:a16="http://schemas.microsoft.com/office/drawing/2014/main" id="{F5DF6C19-1758-4DF9-8B20-046D8483B602}"/>
                  </a:ext>
                </a:extLst>
              </p:cNvPr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>
                <a:extLst>
                  <a:ext uri="{FF2B5EF4-FFF2-40B4-BE49-F238E27FC236}">
                    <a16:creationId xmlns:a16="http://schemas.microsoft.com/office/drawing/2014/main" id="{11BFEEF9-0101-46D1-AFA0-0BE85AD3BA9D}"/>
                  </a:ext>
                </a:extLst>
              </p:cNvPr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8" name="Straight Connector 137">
                <a:extLst>
                  <a:ext uri="{FF2B5EF4-FFF2-40B4-BE49-F238E27FC236}">
                    <a16:creationId xmlns:a16="http://schemas.microsoft.com/office/drawing/2014/main" id="{09169935-EE82-4072-AEF7-F44302D0BC82}"/>
                  </a:ext>
                </a:extLst>
              </p:cNvPr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9" name="Straight Connector 138">
                <a:extLst>
                  <a:ext uri="{FF2B5EF4-FFF2-40B4-BE49-F238E27FC236}">
                    <a16:creationId xmlns:a16="http://schemas.microsoft.com/office/drawing/2014/main" id="{B3E682F0-9702-49AA-8684-6835533F99F5}"/>
                  </a:ext>
                </a:extLst>
              </p:cNvPr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0" name="Straight Connector 139">
                <a:extLst>
                  <a:ext uri="{FF2B5EF4-FFF2-40B4-BE49-F238E27FC236}">
                    <a16:creationId xmlns:a16="http://schemas.microsoft.com/office/drawing/2014/main" id="{9138DD6A-6F14-4092-9C49-B1881E92E799}"/>
                  </a:ext>
                </a:extLst>
              </p:cNvPr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4" name="Gutter space">
              <a:extLst>
                <a:ext uri="{FF2B5EF4-FFF2-40B4-BE49-F238E27FC236}">
                  <a16:creationId xmlns:a16="http://schemas.microsoft.com/office/drawing/2014/main" id="{BA3BD803-0D26-472B-8EA8-CBC75A3E278A}"/>
                </a:ext>
              </a:extLst>
            </p:cNvPr>
            <p:cNvGrpSpPr/>
            <p:nvPr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06" name="Rectangle 34">
                <a:extLst>
                  <a:ext uri="{FF2B5EF4-FFF2-40B4-BE49-F238E27FC236}">
                    <a16:creationId xmlns:a16="http://schemas.microsoft.com/office/drawing/2014/main" id="{E241A764-8257-41B3-B4AB-DA2EE2E94E3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07" name="Rectangle 35">
                <a:extLst>
                  <a:ext uri="{FF2B5EF4-FFF2-40B4-BE49-F238E27FC236}">
                    <a16:creationId xmlns:a16="http://schemas.microsoft.com/office/drawing/2014/main" id="{F641DBA8-47B3-4D84-B5A6-3C55728A5C4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08" name="Rectangle 36">
                <a:extLst>
                  <a:ext uri="{FF2B5EF4-FFF2-40B4-BE49-F238E27FC236}">
                    <a16:creationId xmlns:a16="http://schemas.microsoft.com/office/drawing/2014/main" id="{16F67A24-C5D7-4D60-8542-F32A9FD5F00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09" name="Rectangle 37">
                <a:extLst>
                  <a:ext uri="{FF2B5EF4-FFF2-40B4-BE49-F238E27FC236}">
                    <a16:creationId xmlns:a16="http://schemas.microsoft.com/office/drawing/2014/main" id="{C61E3F90-0F25-4020-A59E-7B1E48077E4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10" name="Rectangle 38">
                <a:extLst>
                  <a:ext uri="{FF2B5EF4-FFF2-40B4-BE49-F238E27FC236}">
                    <a16:creationId xmlns:a16="http://schemas.microsoft.com/office/drawing/2014/main" id="{3F6439FD-C27F-4A3A-B156-C0F6FD5306E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11" name="Rectangle 39">
                <a:extLst>
                  <a:ext uri="{FF2B5EF4-FFF2-40B4-BE49-F238E27FC236}">
                    <a16:creationId xmlns:a16="http://schemas.microsoft.com/office/drawing/2014/main" id="{2B3A3BB3-9C71-4DED-8C35-4B1EFEEA193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12" name="Rectangle 40">
                <a:extLst>
                  <a:ext uri="{FF2B5EF4-FFF2-40B4-BE49-F238E27FC236}">
                    <a16:creationId xmlns:a16="http://schemas.microsoft.com/office/drawing/2014/main" id="{8C347CF0-F5E4-4A8E-A741-B134D79836B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13" name="Rectangle 41">
                <a:extLst>
                  <a:ext uri="{FF2B5EF4-FFF2-40B4-BE49-F238E27FC236}">
                    <a16:creationId xmlns:a16="http://schemas.microsoft.com/office/drawing/2014/main" id="{A4CC71B2-1169-4180-9495-02E5DAE1668F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14" name="Rectangle 42">
                <a:extLst>
                  <a:ext uri="{FF2B5EF4-FFF2-40B4-BE49-F238E27FC236}">
                    <a16:creationId xmlns:a16="http://schemas.microsoft.com/office/drawing/2014/main" id="{D921B24B-92E7-4032-9EB1-5AA022E4047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15" name="Rectangle 43">
                <a:extLst>
                  <a:ext uri="{FF2B5EF4-FFF2-40B4-BE49-F238E27FC236}">
                    <a16:creationId xmlns:a16="http://schemas.microsoft.com/office/drawing/2014/main" id="{29209C3E-EA80-4333-B90D-0CBE29EA0168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16" name="Rectangle 44">
                <a:extLst>
                  <a:ext uri="{FF2B5EF4-FFF2-40B4-BE49-F238E27FC236}">
                    <a16:creationId xmlns:a16="http://schemas.microsoft.com/office/drawing/2014/main" id="{1610D7A8-0918-482F-90F3-F28B5A86610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</p:grpSp>
        <p:sp>
          <p:nvSpPr>
            <p:cNvPr id="95" name="Slide edges">
              <a:extLst>
                <a:ext uri="{FF2B5EF4-FFF2-40B4-BE49-F238E27FC236}">
                  <a16:creationId xmlns:a16="http://schemas.microsoft.com/office/drawing/2014/main" id="{FF1FA283-0D56-49C9-AE77-074F11A443D3}"/>
                </a:ext>
              </a:extLst>
            </p:cNvPr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35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96" name="Footnote measure">
              <a:extLst>
                <a:ext uri="{FF2B5EF4-FFF2-40B4-BE49-F238E27FC236}">
                  <a16:creationId xmlns:a16="http://schemas.microsoft.com/office/drawing/2014/main" id="{027CCA0B-3682-4729-AE44-32C273FC32FF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50">
                <a:latin typeface="+mn-lt"/>
              </a:endParaRPr>
            </a:p>
          </p:txBody>
        </p:sp>
        <p:sp>
          <p:nvSpPr>
            <p:cNvPr id="97" name="Whitespace measure">
              <a:extLst>
                <a:ext uri="{FF2B5EF4-FFF2-40B4-BE49-F238E27FC236}">
                  <a16:creationId xmlns:a16="http://schemas.microsoft.com/office/drawing/2014/main" id="{0611F6BB-4756-4C1C-B840-FD5CA56FD73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50">
                <a:latin typeface="+mn-lt"/>
              </a:endParaRPr>
            </a:p>
          </p:txBody>
        </p:sp>
        <p:grpSp>
          <p:nvGrpSpPr>
            <p:cNvPr id="98" name="Five column measure">
              <a:extLst>
                <a:ext uri="{FF2B5EF4-FFF2-40B4-BE49-F238E27FC236}">
                  <a16:creationId xmlns:a16="http://schemas.microsoft.com/office/drawing/2014/main" id="{E9BC6183-4F47-41CD-B78F-255E0F3D7BF5}"/>
                </a:ext>
              </a:extLst>
            </p:cNvPr>
            <p:cNvGrpSpPr/>
            <p:nvPr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01" name="Rectangle 5">
                <a:extLst>
                  <a:ext uri="{FF2B5EF4-FFF2-40B4-BE49-F238E27FC236}">
                    <a16:creationId xmlns:a16="http://schemas.microsoft.com/office/drawing/2014/main" id="{00455F27-5D1D-4C86-8C49-F5A994AE660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02" name="Rectangle 7">
                <a:extLst>
                  <a:ext uri="{FF2B5EF4-FFF2-40B4-BE49-F238E27FC236}">
                    <a16:creationId xmlns:a16="http://schemas.microsoft.com/office/drawing/2014/main" id="{79AC7E44-BAE7-4663-B16E-71C0B1538D94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03" name="Rectangle 9">
                <a:extLst>
                  <a:ext uri="{FF2B5EF4-FFF2-40B4-BE49-F238E27FC236}">
                    <a16:creationId xmlns:a16="http://schemas.microsoft.com/office/drawing/2014/main" id="{3AAD0F15-03C1-4804-B5E6-186CCBE423E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04" name="Rectangle 11">
                <a:extLst>
                  <a:ext uri="{FF2B5EF4-FFF2-40B4-BE49-F238E27FC236}">
                    <a16:creationId xmlns:a16="http://schemas.microsoft.com/office/drawing/2014/main" id="{02CBA52A-BFC3-4448-9F85-6A6A947D3374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05" name="Rectangle 13">
                <a:extLst>
                  <a:ext uri="{FF2B5EF4-FFF2-40B4-BE49-F238E27FC236}">
                    <a16:creationId xmlns:a16="http://schemas.microsoft.com/office/drawing/2014/main" id="{EB6D242C-DE73-4B57-9809-86DB516F215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</p:grpSp>
        <p:sp>
          <p:nvSpPr>
            <p:cNvPr id="99" name="Live area">
              <a:extLst>
                <a:ext uri="{FF2B5EF4-FFF2-40B4-BE49-F238E27FC236}">
                  <a16:creationId xmlns:a16="http://schemas.microsoft.com/office/drawing/2014/main" id="{ED580399-5039-46E4-AFAE-89D18126AD7E}"/>
                </a:ext>
              </a:extLst>
            </p:cNvPr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endParaRPr lang="en-US" sz="90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00" name="Footnote example">
              <a:extLst>
                <a:ext uri="{FF2B5EF4-FFF2-40B4-BE49-F238E27FC236}">
                  <a16:creationId xmlns:a16="http://schemas.microsoft.com/office/drawing/2014/main" id="{DB4A2981-1D76-4E13-AAF4-474237E7153B}"/>
                </a:ext>
              </a:extLst>
            </p:cNvPr>
            <p:cNvSpPr txBox="1"/>
            <p:nvPr/>
          </p:nvSpPr>
          <p:spPr>
            <a:xfrm>
              <a:off x="630000" y="6248316"/>
              <a:ext cx="9030914" cy="311624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6858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5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6858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5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6858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5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141" name="Copyright">
            <a:extLst>
              <a:ext uri="{FF2B5EF4-FFF2-40B4-BE49-F238E27FC236}">
                <a16:creationId xmlns:a16="http://schemas.microsoft.com/office/drawing/2014/main" id="{6B941CA2-C823-4DB2-9330-851A78C2C8CA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313821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7B23FFE-56A1-4BB0-A36A-539BB5A1AE5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47545570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15" imgH="416" progId="TCLayout.ActiveDocument.1">
                  <p:embed/>
                </p:oleObj>
              </mc:Choice>
              <mc:Fallback>
                <p:oleObj name="think-cell Slide" r:id="rId4" imgW="415" imgH="41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7B23FFE-56A1-4BB0-A36A-539BB5A1AE5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67B9313-3463-420B-B30A-3547994AF378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18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1" y="868302"/>
            <a:ext cx="10933351" cy="2492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12A8C779-3CA4-4CF3-B469-4159875FCADC}"/>
              </a:ext>
            </a:extLst>
          </p:cNvPr>
          <p:cNvSpPr/>
          <p:nvPr/>
        </p:nvSpPr>
        <p:spPr bwMode="black">
          <a:xfrm flipH="1">
            <a:off x="12060821" y="292100"/>
            <a:ext cx="131180" cy="801598"/>
          </a:xfrm>
          <a:prstGeom prst="rect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72141FDF-08B7-426E-898B-D2ACA6BFD8F4}"/>
              </a:ext>
            </a:extLst>
          </p:cNvPr>
          <p:cNvSpPr/>
          <p:nvPr/>
        </p:nvSpPr>
        <p:spPr bwMode="black">
          <a:xfrm flipH="1">
            <a:off x="1" y="292100"/>
            <a:ext cx="131180" cy="80159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929399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1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8A7AEC5E-A585-404A-896F-61882A3E17E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3151095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9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2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50"/>
            <a:ext cx="3744000" cy="664797"/>
          </a:xfrm>
        </p:spPr>
        <p:txBody>
          <a:bodyPr anchor="t">
            <a:noAutofit/>
          </a:bodyPr>
          <a:lstStyle>
            <a:lvl1pPr>
              <a:defRPr sz="1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B9FC4021-ACF2-4D02-8A17-57BD542F9410}"/>
              </a:ext>
            </a:extLst>
          </p:cNvPr>
          <p:cNvSpPr/>
          <p:nvPr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830128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3" orient="horz" pos="2160">
          <p15:clr>
            <a:srgbClr val="FBAE40"/>
          </p15:clr>
        </p15:guide>
        <p15:guide id="4" pos="2880">
          <p15:clr>
            <a:srgbClr val="FBAE40"/>
          </p15:clr>
        </p15:guide>
      </p15:sldGuideLst>
    </p:ext>
  </p:extLst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/>
        </p:nvSpPr>
        <p:spPr bwMode="white">
          <a:xfrm>
            <a:off x="1280694" y="1424083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FEC1E1E7-C44D-4473-AB49-E9593B8CABFA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B1CF8225-4B84-4724-8175-1BE1FB407B1F}"/>
              </a:ext>
            </a:extLst>
          </p:cNvPr>
          <p:cNvSpPr/>
          <p:nvPr/>
        </p:nvSpPr>
        <p:spPr bwMode="white">
          <a:xfrm>
            <a:off x="1280694" y="1424083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340300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405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/>
        </p:nvCxnSpPr>
        <p:spPr bwMode="white">
          <a:xfrm>
            <a:off x="630001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" name="Straight Connector 3">
            <a:extLst>
              <a:ext uri="{FF2B5EF4-FFF2-40B4-BE49-F238E27FC236}">
                <a16:creationId xmlns:a16="http://schemas.microsoft.com/office/drawing/2014/main" id="{6337C472-E836-43A4-8DC7-D15BF3AEC6E0}"/>
              </a:ext>
            </a:extLst>
          </p:cNvPr>
          <p:cNvCxnSpPr/>
          <p:nvPr/>
        </p:nvCxnSpPr>
        <p:spPr bwMode="white">
          <a:xfrm>
            <a:off x="630001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2752677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6DCBE80-91A9-4122-A103-A165E3F1A5E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612558"/>
            <a:ext cx="3932237" cy="1444841"/>
          </a:xfrm>
          <a:prstGeom prst="rect">
            <a:avLst/>
          </a:prstGeo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648C7C02-CA15-4B88-B8CA-291B379F3FF2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IN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CA403742-A86E-4C0A-A96C-33EA8AD3C07A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6B00E608-29F9-4DA9-AA26-AA3EAE8FE1AC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03F6756D-D930-417E-ACCD-00D70E58CE6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770EC23-3A33-4A07-BF68-77D4F41DEBB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98669438"/>
      </p:ext>
    </p:extLst>
  </p:cSld>
  <p:clrMapOvr>
    <a:masterClrMapping/>
  </p:clrMapOvr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White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0" name="TextBox 19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4" name="Rectangle 23"/>
          <p:cNvSpPr/>
          <p:nvPr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1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7E0F4628-EB1C-43CA-A360-CE37F57FDC4E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659F4022-9A7F-4323-9A33-A6AE13A5A1A3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4B1F9ED4-E7BF-4684-9427-5156AF38F709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D389E5F6-011B-476A-83D7-05AD8E9EFE85}"/>
              </a:ext>
            </a:extLst>
          </p:cNvPr>
          <p:cNvSpPr/>
          <p:nvPr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1257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ighlight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1" y="705902"/>
            <a:ext cx="6276529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C8557FEB-E05A-493D-BEED-AE095FE3625F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29D5FEF4-0F62-4319-AFC1-35FEA282FAB2}"/>
              </a:ext>
            </a:extLst>
          </p:cNvPr>
          <p:cNvSpPr/>
          <p:nvPr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E4DD90C9-CE18-4F55-8D41-68D80D4D3BD6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>
            <a:extLst>
              <a:ext uri="{FF2B5EF4-FFF2-40B4-BE49-F238E27FC236}">
                <a16:creationId xmlns:a16="http://schemas.microsoft.com/office/drawing/2014/main" id="{95DE2E7C-B0AB-49E8-9259-805E0E270CDA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1132632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Four column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705902"/>
            <a:ext cx="8101584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7043EE5F-DD69-4784-BC35-45B9B5893A5B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B7D278C9-B6B4-4D09-BEFF-DDC0CC51C109}"/>
              </a:ext>
            </a:extLst>
          </p:cNvPr>
          <p:cNvSpPr/>
          <p:nvPr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AE87E224-D42D-4824-9758-5002ACFE1CC8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56EF5E0C-86B7-49AE-8C99-9D7E1F8A24F3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289467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18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70730EC2-3411-495D-A301-AAE389F83144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AA0D7E26-00FE-4361-AEAE-F467754B9AE4}"/>
              </a:ext>
            </a:extLst>
          </p:cNvPr>
          <p:cNvSpPr/>
          <p:nvPr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A1568114-27F1-4D6C-A00D-4ECF3B2FD248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7B905792-71C3-45F3-BD26-A71C2DA9D867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258373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alf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35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33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A463677C-DB3D-4600-A240-E87BCC31B99D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6E0D942C-78E7-444F-9679-7826B56C48FC}"/>
              </a:ext>
            </a:extLst>
          </p:cNvPr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FB4F80F7-18B3-4655-A4BD-D780702E8465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>
            <a:extLst>
              <a:ext uri="{FF2B5EF4-FFF2-40B4-BE49-F238E27FC236}">
                <a16:creationId xmlns:a16="http://schemas.microsoft.com/office/drawing/2014/main" id="{4C8FE2ED-F2DF-4F38-9FFC-195F395DB0E2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1716473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two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2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3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B4AE5DBA-FD55-4779-BBCF-356F8385FF76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A56A20AD-5190-486E-A0CC-9CF9B93526D6}"/>
              </a:ext>
            </a:extLst>
          </p:cNvPr>
          <p:cNvSpPr/>
          <p:nvPr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>
            <a:extLst>
              <a:ext uri="{FF2B5EF4-FFF2-40B4-BE49-F238E27FC236}">
                <a16:creationId xmlns:a16="http://schemas.microsoft.com/office/drawing/2014/main" id="{780BBA01-62E1-4BCA-AEC5-DDD75289DBB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C9021DD7-4C07-41AE-A2CA-3CD682D385CE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370896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Left arrow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74225581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1" y="2764205"/>
            <a:ext cx="2478639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1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8CBE220E-5CE4-4249-88FB-52A89F9BE0A7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79571629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8CBE220E-5CE4-4249-88FB-52A89F9BE0A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Freeform 14">
            <a:extLst>
              <a:ext uri="{FF2B5EF4-FFF2-40B4-BE49-F238E27FC236}">
                <a16:creationId xmlns:a16="http://schemas.microsoft.com/office/drawing/2014/main" id="{BBA2A1FA-EF93-4EB6-A18A-56549DF78993}"/>
              </a:ext>
            </a:extLst>
          </p:cNvPr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>
            <a:extLst>
              <a:ext uri="{FF2B5EF4-FFF2-40B4-BE49-F238E27FC236}">
                <a16:creationId xmlns:a16="http://schemas.microsoft.com/office/drawing/2014/main" id="{3B54816D-7A21-40B4-9D73-E776657337D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28CA2DF0-FE14-4BFD-BC3B-4649B1B64945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838DA3C3-AD09-400F-9479-A4882FB6E4B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858666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764205"/>
            <a:ext cx="2478639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1" y="3402830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6" name="Freeform 14">
            <a:extLst>
              <a:ext uri="{FF2B5EF4-FFF2-40B4-BE49-F238E27FC236}">
                <a16:creationId xmlns:a16="http://schemas.microsoft.com/office/drawing/2014/main" id="{E43E09AF-D75B-4576-8CD9-BBE9DA7022AC}"/>
              </a:ext>
            </a:extLst>
          </p:cNvPr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EA8C8A01-12F9-43F3-B6E8-88092BB6D397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61D48E92-6DF5-4473-8CB5-FE368FDEA2AC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A78F5525-CB9E-4991-B188-9CE326F8266D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1" y="3402830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9805522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Box 8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1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3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6" y="3394394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02FE8B35-41B8-4985-98F9-85D387B528EF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Copyright">
            <a:extLst>
              <a:ext uri="{FF2B5EF4-FFF2-40B4-BE49-F238E27FC236}">
                <a16:creationId xmlns:a16="http://schemas.microsoft.com/office/drawing/2014/main" id="{041C180D-0254-4A04-B755-0F678DD783A5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Pentagon 3">
            <a:extLst>
              <a:ext uri="{FF2B5EF4-FFF2-40B4-BE49-F238E27FC236}">
                <a16:creationId xmlns:a16="http://schemas.microsoft.com/office/drawing/2014/main" id="{EDE97B2E-2827-403D-AD11-2A5308C4786B}"/>
              </a:ext>
            </a:extLst>
          </p:cNvPr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17C3CE26-8417-4485-9715-F8D8D2D2759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6" y="3394394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863227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1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3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6" name="Pentagon 3">
            <a:extLst>
              <a:ext uri="{FF2B5EF4-FFF2-40B4-BE49-F238E27FC236}">
                <a16:creationId xmlns:a16="http://schemas.microsoft.com/office/drawing/2014/main" id="{37F99357-3ABE-475F-B145-9BC6A103309A}"/>
              </a:ext>
            </a:extLst>
          </p:cNvPr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1885CD5-D11C-4E13-BCD0-2FC9BC4F24D8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ECCEA9F5-0395-4F8E-A964-79CD6EC53713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8E67A822-92EF-4B9A-8503-47F46D820B0D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5554501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38FCE15-E4E2-40B6-A8E6-8F024F23150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585926"/>
            <a:ext cx="10515600" cy="1104762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8918FE6B-5A22-4891-96FD-6A4998E3B080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EDE5A17D-6EE9-4ACB-94BB-25FB1DF0FB02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FFB9BF98-ACEB-472B-9213-6A36651FF69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76421AA7-24CF-42EC-90E1-51286E883D6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305573525"/>
      </p:ext>
    </p:extLst>
  </p:cSld>
  <p:clrMapOvr>
    <a:masterClrMapping/>
  </p:clrMapOvr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half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1" y="705902"/>
            <a:ext cx="4747823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5" y="3589606"/>
            <a:ext cx="1365251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Copyright">
            <a:extLst>
              <a:ext uri="{FF2B5EF4-FFF2-40B4-BE49-F238E27FC236}">
                <a16:creationId xmlns:a16="http://schemas.microsoft.com/office/drawing/2014/main" id="{4C2AF15F-571A-458A-9770-6530D31DF9B5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9116F2D3-7C5C-41A4-BB4C-8C589045B829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661EDE54-687F-465C-971C-0EE8839E18D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5" y="3589606"/>
            <a:ext cx="1365251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2707876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1" y="705902"/>
            <a:ext cx="4747823" cy="2492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3BC4A2F1-4925-4F33-8626-4A98873F6DFF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Copyright">
            <a:extLst>
              <a:ext uri="{FF2B5EF4-FFF2-40B4-BE49-F238E27FC236}">
                <a16:creationId xmlns:a16="http://schemas.microsoft.com/office/drawing/2014/main" id="{7C6D5530-7F27-4B6F-868E-4EEDA0299FBE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8FB4B573-7480-4DD5-99E7-BCFFE5A0A43F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1869422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two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705902"/>
            <a:ext cx="6254496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1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Freeform 18">
            <a:extLst>
              <a:ext uri="{FF2B5EF4-FFF2-40B4-BE49-F238E27FC236}">
                <a16:creationId xmlns:a16="http://schemas.microsoft.com/office/drawing/2014/main" id="{9A2FC770-B0FF-4279-804D-1B3006283E4B}"/>
              </a:ext>
            </a:extLst>
          </p:cNvPr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Copyright">
            <a:extLst>
              <a:ext uri="{FF2B5EF4-FFF2-40B4-BE49-F238E27FC236}">
                <a16:creationId xmlns:a16="http://schemas.microsoft.com/office/drawing/2014/main" id="{72B03248-562B-4C8A-AFCE-352F8504BEF7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F59A775F-42A1-4607-9D00-021ED01CBCE6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0DF53835-1B79-45C6-BE4A-B263C6C0B89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1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0488010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705902"/>
            <a:ext cx="6254496" cy="2492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6" name="Freeform 18">
            <a:extLst>
              <a:ext uri="{FF2B5EF4-FFF2-40B4-BE49-F238E27FC236}">
                <a16:creationId xmlns:a16="http://schemas.microsoft.com/office/drawing/2014/main" id="{210C5AAF-5B8C-4828-A829-727AFD75247B}"/>
              </a:ext>
            </a:extLst>
          </p:cNvPr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7D2BA50-0067-4BCC-9258-BEC254E0F375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Copyright">
            <a:extLst>
              <a:ext uri="{FF2B5EF4-FFF2-40B4-BE49-F238E27FC236}">
                <a16:creationId xmlns:a16="http://schemas.microsoft.com/office/drawing/2014/main" id="{49367744-8A30-4757-8DB7-F2ECAA008E12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B51864EA-A20E-47F9-9D73-D7BA12AE76D1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528871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ig statement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Box 9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5A25EB7D-BD88-49EE-A50B-A287E61A4393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3623C886-831E-4268-B931-00FC35C5B875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058995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CDA6DFBB-A9F7-4126-B634-E1A28077B31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435A377-F1C4-40DC-B086-105E514518EC}"/>
              </a:ext>
            </a:extLst>
          </p:cNvPr>
          <p:cNvSpPr/>
          <p:nvPr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657578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Quote">
    <p:bg>
      <p:bgPr>
        <a:solidFill>
          <a:schemeClr val="accent6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8945004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0">
              <a:latin typeface="+mn-lt"/>
              <a:sym typeface="Trebuchet MS" panose="020B0603020202020204" pitchFamily="34" charset="0"/>
            </a:endParaRPr>
          </a:p>
        </p:txBody>
      </p:sp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FECC7DD0-F986-434B-A7C1-92CE1D4B93B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6658069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FECC7DD0-F986-434B-A7C1-92CE1D4B93B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Box 8">
            <a:extLst>
              <a:ext uri="{FF2B5EF4-FFF2-40B4-BE49-F238E27FC236}">
                <a16:creationId xmlns:a16="http://schemas.microsoft.com/office/drawing/2014/main" id="{851BA717-D41B-4874-B32F-58FA50134BCA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F703FC73-8207-4AB1-BC4F-1CF5D00D6BEE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0031756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705902"/>
            <a:ext cx="10933200" cy="2492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11DAE1CE-675E-4DA4-865A-53534E1E5098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0801696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able of contents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821109"/>
            <a:ext cx="2819400" cy="127541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525"/>
              </a:spcAft>
              <a:buFontTx/>
              <a:buNone/>
            </a:pPr>
            <a:r>
              <a:rPr lang="en-US" sz="405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" name="Freeform 12">
            <a:extLst>
              <a:ext uri="{FF2B5EF4-FFF2-40B4-BE49-F238E27FC236}">
                <a16:creationId xmlns:a16="http://schemas.microsoft.com/office/drawing/2014/main" id="{E591B733-640E-4356-BF69-0585CED244F3}"/>
              </a:ext>
            </a:extLst>
          </p:cNvPr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1E7C78A3-3980-4245-BD96-ED0D9BF98C7E}"/>
              </a:ext>
            </a:extLst>
          </p:cNvPr>
          <p:cNvSpPr txBox="1"/>
          <p:nvPr/>
        </p:nvSpPr>
        <p:spPr>
          <a:xfrm>
            <a:off x="630000" y="2821109"/>
            <a:ext cx="2819400" cy="127541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525"/>
              </a:spcAft>
              <a:buFontTx/>
              <a:buNone/>
            </a:pPr>
            <a:r>
              <a:rPr lang="en-US" sz="405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9" name="Copyright">
            <a:extLst>
              <a:ext uri="{FF2B5EF4-FFF2-40B4-BE49-F238E27FC236}">
                <a16:creationId xmlns:a16="http://schemas.microsoft.com/office/drawing/2014/main" id="{AA28ECBA-1648-4EEE-A232-0077849BC222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5CEBB690-2CE8-4800-BC7A-9C45B1AA3C0E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5F910AE6-647B-42E0-BA45-502B915F841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2757464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Box 10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Copyright">
            <a:extLst>
              <a:ext uri="{FF2B5EF4-FFF2-40B4-BE49-F238E27FC236}">
                <a16:creationId xmlns:a16="http://schemas.microsoft.com/office/drawing/2014/main" id="{727B1D65-8235-4C40-AC18-A1261F31CE7D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812B669B-80CC-4AF1-96B4-0F91D35992EB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399452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10388621-3627-4574-98C6-FE793E8C5A13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  <a:prstGeom prst="rect">
            <a:avLst/>
          </a:prstGeo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400F7754-5F31-4F0F-8BAD-DDF2072F3133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56C69C81-4B2F-40C8-9556-DBB40ABB56C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9E333829-F206-432E-AA11-AB2739AC4DFF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501A97D5-9B0E-4CE7-BA03-5AEB28FA045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472430896"/>
      </p:ext>
    </p:extLst>
  </p:cSld>
  <p:clrMapOvr>
    <a:masterClrMapping/>
  </p:clrMapOvr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pyright">
            <a:extLst>
              <a:ext uri="{FF2B5EF4-FFF2-40B4-BE49-F238E27FC236}">
                <a16:creationId xmlns:a16="http://schemas.microsoft.com/office/drawing/2014/main" id="{DD35079F-F767-47C7-8721-4B6F63D75BF5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7323980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pyright">
            <a:extLst>
              <a:ext uri="{FF2B5EF4-FFF2-40B4-BE49-F238E27FC236}">
                <a16:creationId xmlns:a16="http://schemas.microsoft.com/office/drawing/2014/main" id="{BEF0CC3C-1E41-47AB-BC72-3BB2F02F257D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5599347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1_End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31620832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96B9F0F5-A54F-4FD2-AD46-EB352A6A6F63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grayscl/>
          </a:blip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8" name="Parallelogram 7">
            <a:extLst>
              <a:ext uri="{FF2B5EF4-FFF2-40B4-BE49-F238E27FC236}">
                <a16:creationId xmlns:a16="http://schemas.microsoft.com/office/drawing/2014/main" id="{3A4B14A3-BB44-4518-9E41-3820FE7577B1}"/>
              </a:ext>
            </a:extLst>
          </p:cNvPr>
          <p:cNvSpPr/>
          <p:nvPr/>
        </p:nvSpPr>
        <p:spPr bwMode="black">
          <a:xfrm>
            <a:off x="8545508" y="1539240"/>
            <a:ext cx="2846389" cy="5369940"/>
          </a:xfrm>
          <a:prstGeom prst="parallelogram">
            <a:avLst>
              <a:gd name="adj" fmla="val 47699"/>
            </a:avLst>
          </a:prstGeom>
          <a:solidFill>
            <a:srgbClr val="ED1D24">
              <a:alpha val="61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Parallelogram 8">
            <a:extLst>
              <a:ext uri="{FF2B5EF4-FFF2-40B4-BE49-F238E27FC236}">
                <a16:creationId xmlns:a16="http://schemas.microsoft.com/office/drawing/2014/main" id="{85F37F3E-8A0F-4419-80D0-585F03C4F18F}"/>
              </a:ext>
            </a:extLst>
          </p:cNvPr>
          <p:cNvSpPr/>
          <p:nvPr/>
        </p:nvSpPr>
        <p:spPr bwMode="black">
          <a:xfrm>
            <a:off x="8454068" y="0"/>
            <a:ext cx="2846389" cy="5369940"/>
          </a:xfrm>
          <a:prstGeom prst="parallelogram">
            <a:avLst>
              <a:gd name="adj" fmla="val 47699"/>
            </a:avLst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reeform: Shape 9">
            <a:extLst>
              <a:ext uri="{FF2B5EF4-FFF2-40B4-BE49-F238E27FC236}">
                <a16:creationId xmlns:a16="http://schemas.microsoft.com/office/drawing/2014/main" id="{1DE91DAF-A850-4E1E-8245-4BA65F340873}"/>
              </a:ext>
            </a:extLst>
          </p:cNvPr>
          <p:cNvSpPr/>
          <p:nvPr/>
        </p:nvSpPr>
        <p:spPr bwMode="black">
          <a:xfrm>
            <a:off x="-4499" y="1488060"/>
            <a:ext cx="10413417" cy="4117298"/>
          </a:xfrm>
          <a:custGeom>
            <a:avLst/>
            <a:gdLst>
              <a:gd name="connsiteX0" fmla="*/ 0 w 10413417"/>
              <a:gd name="connsiteY0" fmla="*/ 0 h 4117298"/>
              <a:gd name="connsiteX1" fmla="*/ 10413417 w 10413417"/>
              <a:gd name="connsiteY1" fmla="*/ 0 h 4117298"/>
              <a:gd name="connsiteX2" fmla="*/ 9384092 w 10413417"/>
              <a:gd name="connsiteY2" fmla="*/ 4117298 h 4117298"/>
              <a:gd name="connsiteX3" fmla="*/ 0 w 10413417"/>
              <a:gd name="connsiteY3" fmla="*/ 4117298 h 4117298"/>
              <a:gd name="connsiteX4" fmla="*/ 0 w 10413417"/>
              <a:gd name="connsiteY4" fmla="*/ 0 h 411729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413417" h="4117298">
                <a:moveTo>
                  <a:pt x="0" y="0"/>
                </a:moveTo>
                <a:lnTo>
                  <a:pt x="10413417" y="0"/>
                </a:lnTo>
                <a:lnTo>
                  <a:pt x="9384092" y="4117298"/>
                </a:lnTo>
                <a:lnTo>
                  <a:pt x="0" y="4117298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500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8E2CACFB-AC3A-410E-975E-04868F21E7D3}"/>
              </a:ext>
            </a:extLst>
          </p:cNvPr>
          <p:cNvSpPr/>
          <p:nvPr/>
        </p:nvSpPr>
        <p:spPr>
          <a:xfrm>
            <a:off x="630000" y="2937109"/>
            <a:ext cx="4175760" cy="121920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l"/>
            <a:r>
              <a:rPr lang="en-US" sz="4500">
                <a:solidFill>
                  <a:srgbClr val="FFFFFF"/>
                </a:solidFill>
              </a:rPr>
              <a:t>THANK YOU</a:t>
            </a:r>
          </a:p>
        </p:txBody>
      </p:sp>
    </p:spTree>
    <p:extLst>
      <p:ext uri="{BB962C8B-B14F-4D97-AF65-F5344CB8AC3E}">
        <p14:creationId xmlns:p14="http://schemas.microsoft.com/office/powerpoint/2010/main" val="40736660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 Overview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Rectangle 10"/>
          <p:cNvSpPr/>
          <p:nvPr/>
        </p:nvSpPr>
        <p:spPr bwMode="invGray">
          <a:xfrm>
            <a:off x="1388146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37160" tIns="135000" rIns="137160" bIns="13716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9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30000" y="907201"/>
            <a:ext cx="3448800" cy="915351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459000" tIns="351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endParaRPr lang="en-US" sz="405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/>
        </p:nvSpPr>
        <p:spPr>
          <a:xfrm>
            <a:off x="1412918" y="1115416"/>
            <a:ext cx="1882246" cy="6844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405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93D8E2CB-F501-427F-AB72-AD329BB2B8EE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93D8E2CB-F501-427F-AB72-AD329BB2B8E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Box 8">
            <a:extLst>
              <a:ext uri="{FF2B5EF4-FFF2-40B4-BE49-F238E27FC236}">
                <a16:creationId xmlns:a16="http://schemas.microsoft.com/office/drawing/2014/main" id="{965E7406-2900-49FA-AE54-764DF6158DC6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Copyright">
            <a:extLst>
              <a:ext uri="{FF2B5EF4-FFF2-40B4-BE49-F238E27FC236}">
                <a16:creationId xmlns:a16="http://schemas.microsoft.com/office/drawing/2014/main" id="{B3A15E69-109E-4C95-BE14-7EF192C8197B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E7D951E7-972B-4AAA-992A-A1211D290280}"/>
              </a:ext>
            </a:extLst>
          </p:cNvPr>
          <p:cNvSpPr/>
          <p:nvPr/>
        </p:nvSpPr>
        <p:spPr bwMode="invGray">
          <a:xfrm>
            <a:off x="1388146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7580F9D3-F883-43FE-889C-F6DBAE3109C9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37160" tIns="135000" rIns="137160" bIns="13716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9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F96D345-9906-43FB-83D5-36B8AD887C5D}"/>
              </a:ext>
            </a:extLst>
          </p:cNvPr>
          <p:cNvSpPr txBox="1"/>
          <p:nvPr/>
        </p:nvSpPr>
        <p:spPr>
          <a:xfrm>
            <a:off x="630000" y="907201"/>
            <a:ext cx="3448800" cy="915351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459000" tIns="351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endParaRPr lang="en-US" sz="4050">
              <a:solidFill>
                <a:schemeClr val="bg1"/>
              </a:solidFill>
            </a:endParaRPr>
          </a:p>
        </p:txBody>
      </p:sp>
      <p:sp>
        <p:nvSpPr>
          <p:cNvPr id="17" name="TextBox 1">
            <a:extLst>
              <a:ext uri="{FF2B5EF4-FFF2-40B4-BE49-F238E27FC236}">
                <a16:creationId xmlns:a16="http://schemas.microsoft.com/office/drawing/2014/main" id="{3D06A49F-0D13-47FF-94A6-4CF467AD34EC}"/>
              </a:ext>
            </a:extLst>
          </p:cNvPr>
          <p:cNvSpPr txBox="1"/>
          <p:nvPr/>
        </p:nvSpPr>
        <p:spPr>
          <a:xfrm>
            <a:off x="1412918" y="1115416"/>
            <a:ext cx="1882246" cy="6844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405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5846552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32212608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7F5FB9FF-4F61-4A0D-AAA9-6394D1B1E3B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6349202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7F5FB9FF-4F61-4A0D-AAA9-6394D1B1E3B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D3C12C94-46C7-43EC-BBCB-EAC1525AF2B7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>
            <a:extLst>
              <a:ext uri="{FF2B5EF4-FFF2-40B4-BE49-F238E27FC236}">
                <a16:creationId xmlns:a16="http://schemas.microsoft.com/office/drawing/2014/main" id="{61CC060A-D4EB-454F-8D69-E94BA21AC048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74354DE-C747-497A-9A2D-C70BF9DA959F}"/>
              </a:ext>
            </a:extLst>
          </p:cNvPr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FD2709DA-CCB6-47BB-9E3D-5535A5C80BC9}"/>
              </a:ext>
            </a:extLst>
          </p:cNvPr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59856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Full Width Overview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itle 1"/>
          <p:cNvSpPr txBox="1">
            <a:spLocks/>
          </p:cNvSpPr>
          <p:nvPr/>
        </p:nvSpPr>
        <p:spPr>
          <a:xfrm>
            <a:off x="630001" y="622800"/>
            <a:ext cx="7189999" cy="35317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550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AA96963C-38CF-4F5A-B1BB-202AF2B2D484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AA96963C-38CF-4F5A-B1BB-202AF2B2D48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FC92D8D5-5407-4BD5-9A9E-6214C61E1EB6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>
            <a:extLst>
              <a:ext uri="{FF2B5EF4-FFF2-40B4-BE49-F238E27FC236}">
                <a16:creationId xmlns:a16="http://schemas.microsoft.com/office/drawing/2014/main" id="{20A0556E-DF24-4677-94D7-D7D1C519D892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1" name="Title 1">
            <a:extLst>
              <a:ext uri="{FF2B5EF4-FFF2-40B4-BE49-F238E27FC236}">
                <a16:creationId xmlns:a16="http://schemas.microsoft.com/office/drawing/2014/main" id="{994105E4-3FBE-43BA-9D40-6135541FE346}"/>
              </a:ext>
            </a:extLst>
          </p:cNvPr>
          <p:cNvSpPr txBox="1">
            <a:spLocks/>
          </p:cNvSpPr>
          <p:nvPr/>
        </p:nvSpPr>
        <p:spPr>
          <a:xfrm>
            <a:off x="630001" y="622800"/>
            <a:ext cx="7189999" cy="35317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550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D19A0171-1E0F-46AE-8851-EB6590436E0A}"/>
              </a:ext>
            </a:extLst>
          </p:cNvPr>
          <p:cNvCxnSpPr/>
          <p:nvPr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6031250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Two-Thirds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630002" y="3207717"/>
            <a:ext cx="1547143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6F9784FC-2044-49DA-B055-675A1931CA6C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6F9784FC-2044-49DA-B055-675A1931CA6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7BCED54C-8BA6-429E-9F80-1478FC7CDF25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D20CD14F-6CC5-4863-9C2F-2AB84ECE4E3C}"/>
              </a:ext>
            </a:extLst>
          </p:cNvPr>
          <p:cNvSpPr/>
          <p:nvPr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Copyright">
            <a:extLst>
              <a:ext uri="{FF2B5EF4-FFF2-40B4-BE49-F238E27FC236}">
                <a16:creationId xmlns:a16="http://schemas.microsoft.com/office/drawing/2014/main" id="{EF614D30-6C8E-4C28-BA0F-B2789528A10E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8BA57249-09A0-44A7-9F52-366CDA838090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4BBDE87F-1E96-4AFA-ABA6-BE3AFAAC26D3}"/>
              </a:ext>
            </a:extLst>
          </p:cNvPr>
          <p:cNvSpPr txBox="1"/>
          <p:nvPr/>
        </p:nvSpPr>
        <p:spPr>
          <a:xfrm>
            <a:off x="630002" y="3207717"/>
            <a:ext cx="1547143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451088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invGray">
          <a:xfrm>
            <a:off x="1388146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37160" tIns="135000" rIns="137160" bIns="13716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9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30000" y="907200"/>
            <a:ext cx="3448800" cy="915351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459000" tIns="351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endParaRPr lang="en-US" sz="405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/>
        </p:nvSpPr>
        <p:spPr>
          <a:xfrm>
            <a:off x="1412918" y="1115416"/>
            <a:ext cx="1882246" cy="6844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sz="4050"/>
              <a:t>Agenda</a:t>
            </a:r>
          </a:p>
        </p:txBody>
      </p:sp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B27EE71F-EBBC-4095-991C-ED3BDB17DC1B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B27EE71F-EBBC-4095-991C-ED3BDB17DC1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Copyright">
            <a:extLst>
              <a:ext uri="{FF2B5EF4-FFF2-40B4-BE49-F238E27FC236}">
                <a16:creationId xmlns:a16="http://schemas.microsoft.com/office/drawing/2014/main" id="{5F8039A2-D4A2-4229-BC97-C9DD8365A83E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07F17D71-C927-4F71-AA0B-901133446463}"/>
              </a:ext>
            </a:extLst>
          </p:cNvPr>
          <p:cNvSpPr/>
          <p:nvPr/>
        </p:nvSpPr>
        <p:spPr bwMode="invGray">
          <a:xfrm>
            <a:off x="1388146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CD0F58B0-4B8F-496C-A243-6420E9556493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37160" tIns="135000" rIns="137160" bIns="13716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9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9EB50631-14BC-4AFF-AE1D-B1F6FF125804}"/>
              </a:ext>
            </a:extLst>
          </p:cNvPr>
          <p:cNvSpPr txBox="1"/>
          <p:nvPr/>
        </p:nvSpPr>
        <p:spPr>
          <a:xfrm>
            <a:off x="630000" y="907200"/>
            <a:ext cx="3448800" cy="915351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459000" tIns="351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endParaRPr lang="en-US" sz="4050">
              <a:solidFill>
                <a:schemeClr val="accent4"/>
              </a:solidFill>
            </a:endParaRPr>
          </a:p>
        </p:txBody>
      </p:sp>
      <p:sp>
        <p:nvSpPr>
          <p:cNvPr id="16" name="TextBox 1">
            <a:extLst>
              <a:ext uri="{FF2B5EF4-FFF2-40B4-BE49-F238E27FC236}">
                <a16:creationId xmlns:a16="http://schemas.microsoft.com/office/drawing/2014/main" id="{9D2361A4-AD59-4853-BBF7-ABB27C0D9A25}"/>
              </a:ext>
            </a:extLst>
          </p:cNvPr>
          <p:cNvSpPr txBox="1"/>
          <p:nvPr/>
        </p:nvSpPr>
        <p:spPr>
          <a:xfrm>
            <a:off x="1412918" y="1115416"/>
            <a:ext cx="1882246" cy="6844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sz="4050"/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3142627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99313881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A75181E-4BC0-4F88-9F31-7F092E7182E9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4006171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A75181E-4BC0-4F88-9F31-7F092E7182E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Copyright">
            <a:extLst>
              <a:ext uri="{FF2B5EF4-FFF2-40B4-BE49-F238E27FC236}">
                <a16:creationId xmlns:a16="http://schemas.microsoft.com/office/drawing/2014/main" id="{7FEBB0FD-54E9-4F22-9B4F-E41A142A32EC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AD56F49F-7D26-4449-BD9B-55461D7892E9}"/>
              </a:ext>
            </a:extLst>
          </p:cNvPr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0BC4044-C092-4234-8D4C-1DE73826A2EE}"/>
              </a:ext>
            </a:extLst>
          </p:cNvPr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27576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/>
        </p:nvSpPr>
        <p:spPr>
          <a:xfrm>
            <a:off x="630001" y="622800"/>
            <a:ext cx="7189999" cy="35317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550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8B2E813F-9B7F-4E68-8DE6-FFF742B1692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8B2E813F-9B7F-4E68-8DE6-FFF742B1692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Copyright">
            <a:extLst>
              <a:ext uri="{FF2B5EF4-FFF2-40B4-BE49-F238E27FC236}">
                <a16:creationId xmlns:a16="http://schemas.microsoft.com/office/drawing/2014/main" id="{12242FE9-3A86-4265-8411-2B1E21DE908D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Title 1">
            <a:extLst>
              <a:ext uri="{FF2B5EF4-FFF2-40B4-BE49-F238E27FC236}">
                <a16:creationId xmlns:a16="http://schemas.microsoft.com/office/drawing/2014/main" id="{70945525-5C4E-4277-8CE8-97A287CE2302}"/>
              </a:ext>
            </a:extLst>
          </p:cNvPr>
          <p:cNvSpPr txBox="1">
            <a:spLocks/>
          </p:cNvSpPr>
          <p:nvPr/>
        </p:nvSpPr>
        <p:spPr>
          <a:xfrm>
            <a:off x="630001" y="622800"/>
            <a:ext cx="7189999" cy="35317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550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4746E9DF-6F5D-4C88-8F98-717DC125B27A}"/>
              </a:ext>
            </a:extLst>
          </p:cNvPr>
          <p:cNvCxnSpPr/>
          <p:nvPr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0801096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935613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29217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wo-Thirds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30002" y="3262147"/>
            <a:ext cx="1161047" cy="2492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1800">
                <a:solidFill>
                  <a:schemeClr val="bg1"/>
                </a:solidFill>
              </a:rPr>
              <a:t>Agenda</a:t>
            </a:r>
          </a:p>
        </p:txBody>
      </p:sp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61F70779-295E-497C-8BEC-31585D205F1E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61F70779-295E-497C-8BEC-31585D205F1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199B4020-76AB-4136-97C9-A6CD854316F3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D522C366-DB6D-4C8D-9D59-4F9CC16C77C8}"/>
              </a:ext>
            </a:extLst>
          </p:cNvPr>
          <p:cNvSpPr/>
          <p:nvPr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Copyright">
            <a:extLst>
              <a:ext uri="{FF2B5EF4-FFF2-40B4-BE49-F238E27FC236}">
                <a16:creationId xmlns:a16="http://schemas.microsoft.com/office/drawing/2014/main" id="{C5ECF22D-5202-47DF-9F52-697A4E902611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BEAF7890-5214-4402-A605-63A74970BBD3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47CAA9D0-FFF9-45E7-8F92-6F51C6E4264A}"/>
              </a:ext>
            </a:extLst>
          </p:cNvPr>
          <p:cNvSpPr txBox="1"/>
          <p:nvPr/>
        </p:nvSpPr>
        <p:spPr>
          <a:xfrm>
            <a:off x="630002" y="3262147"/>
            <a:ext cx="1161047" cy="2492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180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7990851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able of Contents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821109"/>
            <a:ext cx="2819400" cy="127541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525"/>
              </a:spcAft>
              <a:buFontTx/>
              <a:buNone/>
            </a:pPr>
            <a:r>
              <a:rPr lang="en-US" sz="405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E2176413-9331-4E98-93C6-0A18755077B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E2176413-9331-4E98-93C6-0A18755077B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2">
            <a:extLst>
              <a:ext uri="{FF2B5EF4-FFF2-40B4-BE49-F238E27FC236}">
                <a16:creationId xmlns:a16="http://schemas.microsoft.com/office/drawing/2014/main" id="{1F2D7C13-FA3E-4A99-BD5A-546B6911020A}"/>
              </a:ext>
            </a:extLst>
          </p:cNvPr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B05F8D7-75A5-46A3-9D59-BFD99446E69E}"/>
              </a:ext>
            </a:extLst>
          </p:cNvPr>
          <p:cNvSpPr txBox="1"/>
          <p:nvPr/>
        </p:nvSpPr>
        <p:spPr>
          <a:xfrm>
            <a:off x="630000" y="2821109"/>
            <a:ext cx="2819400" cy="127541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525"/>
              </a:spcAft>
              <a:buFontTx/>
              <a:buNone/>
            </a:pPr>
            <a:r>
              <a:rPr lang="en-US" sz="405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2" name="Copyright">
            <a:extLst>
              <a:ext uri="{FF2B5EF4-FFF2-40B4-BE49-F238E27FC236}">
                <a16:creationId xmlns:a16="http://schemas.microsoft.com/office/drawing/2014/main" id="{3211B59C-E0AB-4FBB-975F-11C2AE15CB3E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DD3E13F1-F910-40CE-9631-B71A64244CCF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57DA25A6-77F0-46F8-AA66-05E57BFB21C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7332295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1BFB3C2-DAA7-41FF-B79A-519CB4418C4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DA5C3BEC-9D51-43DF-91C1-61FA057E988F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880D9A6-D3B3-4D37-825D-78C543C95C0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58E6A28-2C91-4631-B390-9FCD0226A1ED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328F374-EDC1-4CD5-BD60-E7BA01C16F1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7561BB25-C4BC-4282-B8CF-559D61AF9DE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787163482"/>
      </p:ext>
    </p:extLst>
  </p:cSld>
  <p:clrMapOvr>
    <a:masterClrMapping/>
  </p:clrMapOvr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935613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48576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6728278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810354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690042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87188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59147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499105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6616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054993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1607968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0631016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058585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479623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921779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717223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73247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3611271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78853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25787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68703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237318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63746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659129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129828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2987095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4570743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91809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584024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359547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47302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2101988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023848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4831745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052877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619741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2384700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997400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723336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803339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357858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690042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494541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7362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6193082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80440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808447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089218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27160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350766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193988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693042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82371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044058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0736070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4741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848D734-64F7-4EAD-848D-BBE864C7ACA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DC0E4C3-45EC-41CA-A181-267F66D5881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ECA1A946-C4A7-49E2-996F-99E68C7F5C9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ECEFFEE-453C-7FB4-4EE2-E031AC05DCA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603682"/>
            <a:ext cx="10515600" cy="1087006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2E8B2B89-7C98-0C7F-0DA1-A1B84F3BB001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838200" y="1819922"/>
            <a:ext cx="10515600" cy="4358936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953066832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59147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622737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3488644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36054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731453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4458302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1301073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66815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12248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899342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93838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274833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203592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401162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02914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222162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130179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8557399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63291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60459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5302405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804364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29757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4427792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173364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908915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423036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78483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031992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26032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67301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0512698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9719737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3265035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2866273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333341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5797947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74809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0016473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782856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5477709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4074058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8877227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7114761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808254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5317870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1869666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93765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8070478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1390545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280443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807718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9937904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935613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26120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1697293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37379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690042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6750310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59147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359094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1711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79021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5639454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18844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4C4898D-658B-E346-91A2-0A8C244F9561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27578112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921779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5060781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419721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4097108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9851691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2280243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441560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306017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02088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659129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grpSp>
        <p:nvGrpSpPr>
          <p:cNvPr id="6" name="Group 5"/>
          <p:cNvGrpSpPr/>
          <p:nvPr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16894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91809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95430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0107725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359547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7027399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2101988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683771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97146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8466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164231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2384700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201706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8560079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416421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3732051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27955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921779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C3CF30D7-97C9-8D9A-57FD-DD1657752191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320955758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9215704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80440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281836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089218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6226474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2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490385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722052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4795771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9318531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4234532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0736070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5823533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3488644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4803154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369453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4533833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0845478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01410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697023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34583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1997028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14862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274833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grpSp>
        <p:nvGrpSpPr>
          <p:cNvPr id="12" name="Group 11"/>
          <p:cNvGrpSpPr/>
          <p:nvPr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67059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401162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387614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130179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877875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A304312C-3142-447F-6485-149DC9F6D64B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352616955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63291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74748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583664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144720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368450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4427792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62311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1475688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773625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9757962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5614386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056303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BE0EF35-B518-FC80-22AB-336796B9C13A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28684274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7168680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2475455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06487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7041614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46621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3788583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672636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67089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558588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5477709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3919262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1942321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5482797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808254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7294560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2397497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18645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2193408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9599212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anner">
    <p:bg>
      <p:bgPr>
        <a:solidFill>
          <a:schemeClr val="bg1">
            <a:alpha val="8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Picture Placeholder 11">
            <a:extLst>
              <a:ext uri="{FF2B5EF4-FFF2-40B4-BE49-F238E27FC236}">
                <a16:creationId xmlns:a16="http://schemas.microsoft.com/office/drawing/2014/main" id="{6CD8CD75-6EB9-63FD-BE3A-4B5C3A1BF46F}"/>
              </a:ext>
            </a:extLst>
          </p:cNvPr>
          <p:cNvSpPr>
            <a:spLocks noGrp="1"/>
          </p:cNvSpPr>
          <p:nvPr>
            <p:ph type="pic" sz="quarter" idx="14" hasCustomPrompt="1"/>
          </p:nvPr>
        </p:nvSpPr>
        <p:spPr>
          <a:xfrm>
            <a:off x="-1" y="-7070"/>
            <a:ext cx="10515600" cy="3367725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nl-BE"/>
              <a:t> </a:t>
            </a:r>
            <a:endParaRPr lang="en-IN"/>
          </a:p>
        </p:txBody>
      </p:sp>
      <p:sp>
        <p:nvSpPr>
          <p:cNvPr id="24" name="Text Placeholder 23">
            <a:extLst>
              <a:ext uri="{FF2B5EF4-FFF2-40B4-BE49-F238E27FC236}">
                <a16:creationId xmlns:a16="http://schemas.microsoft.com/office/drawing/2014/main" id="{E690229A-3490-77D3-9E54-2BA22E536AB1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 rot="979969">
            <a:off x="10310735" y="2475691"/>
            <a:ext cx="318096" cy="969965"/>
          </a:xfrm>
          <a:solidFill>
            <a:schemeClr val="bg1"/>
          </a:solidFill>
        </p:spPr>
        <p:txBody>
          <a:bodyPr/>
          <a:lstStyle>
            <a:lvl1pPr marL="0" indent="0">
              <a:buNone/>
              <a:defRPr/>
            </a:lvl1pPr>
          </a:lstStyle>
          <a:p>
            <a:pPr lvl="0"/>
            <a:r>
              <a:rPr lang="nl-BE"/>
              <a:t> 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848D734-64F7-4EAD-848D-BBE864C7ACA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DC0E4C3-45EC-41CA-A181-267F66D5881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ECA1A946-C4A7-49E2-996F-99E68C7F5C9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ECEFFEE-453C-7FB4-4EE2-E031AC05DCA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1" y="2488675"/>
            <a:ext cx="4412529" cy="727653"/>
          </a:xfrm>
          <a:prstGeom prst="homePlate">
            <a:avLst/>
          </a:prstGeom>
          <a:solidFill>
            <a:srgbClr val="C00000">
              <a:alpha val="60000"/>
            </a:srgbClr>
          </a:solidFill>
        </p:spPr>
        <p:txBody>
          <a:bodyPr>
            <a:normAutofit/>
          </a:bodyPr>
          <a:lstStyle>
            <a:lvl1pPr>
              <a:defRPr sz="3200">
                <a:solidFill>
                  <a:schemeClr val="bg1">
                    <a:lumMod val="85000"/>
                  </a:schemeClr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2E8B2B89-7C98-0C7F-0DA1-A1B84F3BB001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838200" y="3572759"/>
            <a:ext cx="10515600" cy="2606099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20" name="Text Placeholder 19">
            <a:extLst>
              <a:ext uri="{FF2B5EF4-FFF2-40B4-BE49-F238E27FC236}">
                <a16:creationId xmlns:a16="http://schemas.microsoft.com/office/drawing/2014/main" id="{14D9FDB7-C5E8-7B49-4FBC-67FF77204498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9705457" y="-7070"/>
            <a:ext cx="1880559" cy="3367725"/>
          </a:xfrm>
          <a:blipFill>
            <a:blip r:embed="rId2"/>
            <a:stretch>
              <a:fillRect/>
            </a:stretch>
          </a:blipFill>
          <a:ln w="31750">
            <a:noFill/>
          </a:ln>
          <a:effectLst>
            <a:outerShdw dist="38100" dir="12000000" sx="105000" sy="105000" algn="tr" rotWithShape="0">
              <a:schemeClr val="bg1"/>
            </a:outerShdw>
          </a:effectLst>
        </p:spPr>
        <p:txBody>
          <a:bodyPr/>
          <a:lstStyle>
            <a:lvl1pPr marL="0" indent="0">
              <a:buNone/>
              <a:defRPr/>
            </a:lvl1pPr>
          </a:lstStyle>
          <a:p>
            <a:pPr lvl="0"/>
            <a:r>
              <a:rPr lang="nl-BE"/>
              <a:t> </a:t>
            </a:r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183077410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D5EF2CF-515C-F359-0A9E-8D3CD2AA271C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99418930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807718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9663395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>
            <a:extLst>
              <a:ext uri="{FF2B5EF4-FFF2-40B4-BE49-F238E27FC236}">
                <a16:creationId xmlns:a16="http://schemas.microsoft.com/office/drawing/2014/main" id="{F5F6405D-70AC-D5EE-2FF9-676D83EAACC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97568"/>
            <a:ext cx="10515600" cy="1084401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8" name="Content Placeholder 2">
            <a:extLst>
              <a:ext uri="{FF2B5EF4-FFF2-40B4-BE49-F238E27FC236}">
                <a16:creationId xmlns:a16="http://schemas.microsoft.com/office/drawing/2014/main" id="{3180A132-83E7-E859-1DBC-654CA44CF6F2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560443"/>
            <a:ext cx="10515600" cy="4616520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9" name="Date Placeholder 3">
            <a:extLst>
              <a:ext uri="{FF2B5EF4-FFF2-40B4-BE49-F238E27FC236}">
                <a16:creationId xmlns:a16="http://schemas.microsoft.com/office/drawing/2014/main" id="{B0FF59CB-3BC5-8CCE-4484-E5EFBAD9006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604825"/>
            <a:ext cx="2743200" cy="21600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10" name="Footer Placeholder 4">
            <a:extLst>
              <a:ext uri="{FF2B5EF4-FFF2-40B4-BE49-F238E27FC236}">
                <a16:creationId xmlns:a16="http://schemas.microsoft.com/office/drawing/2014/main" id="{A79369F8-4CD1-8FF9-84CA-27C8F3B1F333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604825"/>
            <a:ext cx="4114800" cy="21600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rgbClr val="FF0000"/>
                </a:solidFill>
                <a:latin typeface="Trebuchet MS" panose="020B0603020202020204" pitchFamily="34" charset="0"/>
              </a:defRPr>
            </a:lvl1pPr>
          </a:lstStyle>
          <a:p>
            <a:endParaRPr lang="en-IN"/>
          </a:p>
        </p:txBody>
      </p:sp>
      <p:sp>
        <p:nvSpPr>
          <p:cNvPr id="11" name="Slide Number Placeholder 5">
            <a:extLst>
              <a:ext uri="{FF2B5EF4-FFF2-40B4-BE49-F238E27FC236}">
                <a16:creationId xmlns:a16="http://schemas.microsoft.com/office/drawing/2014/main" id="{82215182-A3AA-4A6A-3DF5-FAAC2715831F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604825"/>
            <a:ext cx="2743200" cy="21600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Trebuchet MS" panose="020B0603020202020204" pitchFamily="34" charset="0"/>
              </a:defRPr>
            </a:lvl1pPr>
          </a:lstStyle>
          <a:p>
            <a:fld id="{8AD194FB-8BCF-4B9C-8204-8FECD0B9FB20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496992480"/>
      </p:ext>
    </p:extLst>
  </p:cSld>
  <p:clrMapOvr>
    <a:masterClrMapping/>
  </p:clrMapOvr>
</p:sldLayout>
</file>

<file path=ppt/slideLayouts/slideLayout3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93561322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2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405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9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45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552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16972934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69623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69004287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1" y="622800"/>
            <a:ext cx="9563100" cy="353174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Copyright">
            <a:extLst>
              <a:ext uri="{FF2B5EF4-FFF2-40B4-BE49-F238E27FC236}">
                <a16:creationId xmlns:a16="http://schemas.microsoft.com/office/drawing/2014/main" id="{75D066C0-68F8-A976-BDEF-BA3448759C9E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40094454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5914716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1" y="622800"/>
            <a:ext cx="9563100" cy="353174"/>
          </a:xfrm>
        </p:spPr>
        <p:txBody>
          <a:bodyPr vert="horz"/>
          <a:lstStyle>
            <a:lvl1pPr>
              <a:defRPr sz="255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1" y="2085630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15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15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15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1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1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440399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9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2" name="Rectangle 1">
            <a:extLst>
              <a:ext uri="{FF2B5EF4-FFF2-40B4-BE49-F238E27FC236}">
                <a16:creationId xmlns:a16="http://schemas.microsoft.com/office/drawing/2014/main" id="{83B4F690-7BC8-BB3E-3A42-DB7F1E1290F8}"/>
              </a:ext>
            </a:extLst>
          </p:cNvPr>
          <p:cNvSpPr/>
          <p:nvPr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3" name="Copyright">
            <a:extLst>
              <a:ext uri="{FF2B5EF4-FFF2-40B4-BE49-F238E27FC236}">
                <a16:creationId xmlns:a16="http://schemas.microsoft.com/office/drawing/2014/main" id="{A5FCC416-9D99-700C-AEA0-C8351803E64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8710857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3" name="Copyright">
            <a:extLst>
              <a:ext uri="{FF2B5EF4-FFF2-40B4-BE49-F238E27FC236}">
                <a16:creationId xmlns:a16="http://schemas.microsoft.com/office/drawing/2014/main" id="{870CB4EA-3B7A-EA50-74D8-8E2D2E8AD284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66ED9846-E45A-B0D4-1E3F-4F9C6BD7F4C1}"/>
              </a:ext>
            </a:extLst>
          </p:cNvPr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735613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405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/>
        </p:nvCxnSpPr>
        <p:spPr bwMode="white">
          <a:xfrm>
            <a:off x="618899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6690D572-AE4C-3CAA-3D78-94AC6479195F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cxnSp>
        <p:nvCxnSpPr>
          <p:cNvPr id="3" name="Straight Connector 2">
            <a:extLst>
              <a:ext uri="{FF2B5EF4-FFF2-40B4-BE49-F238E27FC236}">
                <a16:creationId xmlns:a16="http://schemas.microsoft.com/office/drawing/2014/main" id="{32F154D1-38D1-24BD-B5CA-26708D5170AA}"/>
              </a:ext>
            </a:extLst>
          </p:cNvPr>
          <p:cNvCxnSpPr/>
          <p:nvPr/>
        </p:nvCxnSpPr>
        <p:spPr bwMode="white">
          <a:xfrm>
            <a:off x="618899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0152132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7C6A8D6-B4C3-3B88-BCC6-2BCDF70E14A8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4" name="Copyright">
            <a:extLst>
              <a:ext uri="{FF2B5EF4-FFF2-40B4-BE49-F238E27FC236}">
                <a16:creationId xmlns:a16="http://schemas.microsoft.com/office/drawing/2014/main" id="{3DA82A64-D4EB-4BA0-BC0E-47FAB1766907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4AF5494D-12A1-A278-20AE-D2CAEE881504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5B8291CF-624F-B6B2-4D09-C540B4C4D562}"/>
              </a:ext>
            </a:extLst>
          </p:cNvPr>
          <p:cNvSpPr/>
          <p:nvPr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4764067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97222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9217795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1" cy="353174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2F77E35-8794-9979-C393-E3A5266C815B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2CBD57A2-7DA3-4346-FFAC-50AAF4022406}"/>
              </a:ext>
            </a:extLst>
          </p:cNvPr>
          <p:cNvSpPr/>
          <p:nvPr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4F4E5357-09FA-1814-3C49-001128C799F5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DD70417A-14FD-32D2-7187-F8524E5A4548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866217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5" y="6326129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0E4E4B9-1351-C1FA-C91E-4FE131E45F23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AFD3A707-48B4-9FE4-40F0-E2DF7800F466}"/>
              </a:ext>
            </a:extLst>
          </p:cNvPr>
          <p:cNvSpPr/>
          <p:nvPr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0344B3A5-E637-60D5-566A-990F8D15AF6A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6661BC97-6DC3-2137-2014-432D7BF2E230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7146811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35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33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6162923" y="6326129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A6B9791-4D10-A1E9-213F-5F5D0C568CA5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56F37AC2-6E50-8FB6-8620-85D489ED06B4}"/>
              </a:ext>
            </a:extLst>
          </p:cNvPr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C695275-73FC-1904-7DDA-C8F4153B78AC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71A11F34-B372-1296-76D8-4DE5FFFF2427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87391535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2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3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890927" y="6326129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D60C099-9C77-7820-37C7-AA69C3912F3E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BDE0767E-3A47-8F55-7E5C-3866F6889622}"/>
              </a:ext>
            </a:extLst>
          </p:cNvPr>
          <p:cNvSpPr/>
          <p:nvPr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9D25B035-B75D-56A7-898F-AABE62A04BDA}"/>
              </a:ext>
            </a:extLst>
          </p:cNvPr>
          <p:cNvSpPr txBox="1"/>
          <p:nvPr/>
        </p:nvSpPr>
        <p:spPr>
          <a:xfrm rot="16200000">
            <a:off x="9486902" y="3929410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008ECC2E-E036-04CC-B7E3-04625C118C3C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75394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1" y="2764205"/>
            <a:ext cx="2478639" cy="1314311"/>
          </a:xfrm>
        </p:spPr>
        <p:txBody>
          <a:bodyPr vert="horz" anchor="ctr" anchorCtr="0">
            <a:noAutofit/>
          </a:bodyPr>
          <a:lstStyle>
            <a:lvl1pPr>
              <a:defRPr sz="24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2" name="Freeform 14">
            <a:extLst>
              <a:ext uri="{FF2B5EF4-FFF2-40B4-BE49-F238E27FC236}">
                <a16:creationId xmlns:a16="http://schemas.microsoft.com/office/drawing/2014/main" id="{D48841B0-EBA4-7316-1F97-3DE0AB94D45B}"/>
              </a:ext>
            </a:extLst>
          </p:cNvPr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1310B0CF-14A2-CC4C-4499-D347439DA117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305F3325-B4F5-643A-B87D-55B4F2516523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25E0D146-A36C-1D7F-E24D-F5341474423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8962400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1" y="2764205"/>
            <a:ext cx="2478639" cy="1314311"/>
          </a:xfrm>
        </p:spPr>
        <p:txBody>
          <a:bodyPr anchor="ctr" anchorCtr="0">
            <a:noAutofit/>
          </a:bodyPr>
          <a:lstStyle>
            <a:lvl1pPr>
              <a:defRPr sz="24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1" y="3402830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3335835" y="6326129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Freeform 14">
            <a:extLst>
              <a:ext uri="{FF2B5EF4-FFF2-40B4-BE49-F238E27FC236}">
                <a16:creationId xmlns:a16="http://schemas.microsoft.com/office/drawing/2014/main" id="{9588D67D-50DA-9ECD-ACB2-005B361A38A3}"/>
              </a:ext>
            </a:extLst>
          </p:cNvPr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3880696-4AE8-5FBA-7811-C5588AABEAC8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0B389B25-AEEF-7AC3-F438-9FA90795E774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85F5C773-5A80-4A45-614A-C2636275B1B8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1" y="3402830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7804926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1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3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6" y="3394394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2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74F81880-0E7C-98E2-8E56-51AA0FA20CB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25268785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324" imgH="324" progId="TCLayout.ActiveDocument.1">
                  <p:embed/>
                </p:oleObj>
              </mc:Choice>
              <mc:Fallback>
                <p:oleObj name="think-cell Slide" r:id="rId8" imgW="324" imgH="324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74F81880-0E7C-98E2-8E56-51AA0FA20CB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pyright">
            <a:extLst>
              <a:ext uri="{FF2B5EF4-FFF2-40B4-BE49-F238E27FC236}">
                <a16:creationId xmlns:a16="http://schemas.microsoft.com/office/drawing/2014/main" id="{A4A824B0-AD2C-A561-BA0B-42EF02D70DEB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Pentagon 3">
            <a:extLst>
              <a:ext uri="{FF2B5EF4-FFF2-40B4-BE49-F238E27FC236}">
                <a16:creationId xmlns:a16="http://schemas.microsoft.com/office/drawing/2014/main" id="{FADE3E4D-22E4-E9E3-A008-A457EC571210}"/>
              </a:ext>
            </a:extLst>
          </p:cNvPr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1ABEFE02-E735-E2DF-DA2F-A1060EDDC13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6" y="3394394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7667977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1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3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795633" y="6326129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Pentagon 3">
            <a:extLst>
              <a:ext uri="{FF2B5EF4-FFF2-40B4-BE49-F238E27FC236}">
                <a16:creationId xmlns:a16="http://schemas.microsoft.com/office/drawing/2014/main" id="{16C6C0F8-B5CD-D6C5-FDAE-71AB7EF96610}"/>
              </a:ext>
            </a:extLst>
          </p:cNvPr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5167F620-552F-844B-1F36-255D6D0BD863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9A40CAD7-9128-5E44-3B6A-D4EB62ECE605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74AA633C-DBAC-D87C-BE7A-D5B63477914B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5503202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6591295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1" y="622800"/>
            <a:ext cx="3303396" cy="353174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5" y="3589606"/>
            <a:ext cx="1365251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9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9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2" name="Copyright">
            <a:extLst>
              <a:ext uri="{FF2B5EF4-FFF2-40B4-BE49-F238E27FC236}">
                <a16:creationId xmlns:a16="http://schemas.microsoft.com/office/drawing/2014/main" id="{F9F881E8-0ADE-6142-E82D-BEC0B1FC970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B36573C7-3C60-FB28-DBB9-D380738C01F6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Pentagon 8">
            <a:extLst>
              <a:ext uri="{FF2B5EF4-FFF2-40B4-BE49-F238E27FC236}">
                <a16:creationId xmlns:a16="http://schemas.microsoft.com/office/drawing/2014/main" id="{774C588C-C86A-A51A-BEEF-7AC4B2B2A627}"/>
              </a:ext>
            </a:extLst>
          </p:cNvPr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40F9C6CF-212C-38D3-9B7D-290ACD95F7A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5" y="3589606"/>
            <a:ext cx="1365251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7467678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9180966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1" y="622800"/>
            <a:ext cx="3303396" cy="353174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914400" y="6326129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Pentagon 8">
            <a:extLst>
              <a:ext uri="{FF2B5EF4-FFF2-40B4-BE49-F238E27FC236}">
                <a16:creationId xmlns:a16="http://schemas.microsoft.com/office/drawing/2014/main" id="{D4192610-7609-D3E1-0770-A8C5C37B42FA}"/>
              </a:ext>
            </a:extLst>
          </p:cNvPr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6469AB49-FCCD-FC3E-620E-964379DE3B3E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1822C4CB-9CB3-7C00-48A4-1C0010B2F35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CEB9BA3F-C817-1C70-3E85-8B4784BF5939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9950011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0A044B66-63C1-5B37-8DAD-333D74FA3C09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282205753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35954768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1" cy="353174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1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2" y="6565900"/>
            <a:ext cx="7638827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2" name="Freeform 18">
            <a:extLst>
              <a:ext uri="{FF2B5EF4-FFF2-40B4-BE49-F238E27FC236}">
                <a16:creationId xmlns:a16="http://schemas.microsoft.com/office/drawing/2014/main" id="{1C55F4A1-391A-1A3E-557C-A81569311705}"/>
              </a:ext>
            </a:extLst>
          </p:cNvPr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1F3870F2-75E6-E9D1-ABD5-5AD3D38249E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BE13C33E-EC9E-6DBE-4E0D-752CE29B525F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10A369A7-4D5B-88E7-C8A6-DA469BC0113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1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56331728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21019880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1" cy="353174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0901" y="6326129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Freeform 18">
            <a:extLst>
              <a:ext uri="{FF2B5EF4-FFF2-40B4-BE49-F238E27FC236}">
                <a16:creationId xmlns:a16="http://schemas.microsoft.com/office/drawing/2014/main" id="{628B366A-BC82-CE32-01EF-F61367BB8729}"/>
              </a:ext>
            </a:extLst>
          </p:cNvPr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456719DB-930E-D112-9C2E-01300897EBA3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1476043C-4B1B-4C5D-AECF-D13291B089DB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6C3F5CD-9617-EADA-4943-E8340D51810A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0431436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Copyright">
            <a:extLst>
              <a:ext uri="{FF2B5EF4-FFF2-40B4-BE49-F238E27FC236}">
                <a16:creationId xmlns:a16="http://schemas.microsoft.com/office/drawing/2014/main" id="{8D8B39C0-E2AA-9D54-98B8-21F745A66591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43203389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9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2" name="Copyright">
            <a:extLst>
              <a:ext uri="{FF2B5EF4-FFF2-40B4-BE49-F238E27FC236}">
                <a16:creationId xmlns:a16="http://schemas.microsoft.com/office/drawing/2014/main" id="{E57D558D-6DB9-B755-4E40-2B6B5A4F2739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58F4BDBA-E0F3-FC2A-A876-E7D81F6F92C6}"/>
              </a:ext>
            </a:extLst>
          </p:cNvPr>
          <p:cNvSpPr/>
          <p:nvPr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347232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0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04BD04F-0B45-93EC-B11E-D032D5A2ABC9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42619711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324" imgH="324" progId="TCLayout.ActiveDocument.1">
                  <p:embed/>
                </p:oleObj>
              </mc:Choice>
              <mc:Fallback>
                <p:oleObj name="think-cell Slide" r:id="rId8" imgW="324" imgH="324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104BD04F-0B45-93EC-B11E-D032D5A2ABC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extBox 3">
            <a:extLst>
              <a:ext uri="{FF2B5EF4-FFF2-40B4-BE49-F238E27FC236}">
                <a16:creationId xmlns:a16="http://schemas.microsoft.com/office/drawing/2014/main" id="{C67344D4-B59A-A5F0-8C50-050EF704ABD4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80982D83-0278-BE38-550A-559083DC5B3A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8172293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23847007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1" cy="353174"/>
          </a:xfrm>
        </p:spPr>
        <p:txBody>
          <a:bodyPr vert="horz"/>
          <a:lstStyle>
            <a:lvl1pPr>
              <a:defRPr sz="255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181B477F-617C-795B-282D-264FD6E3CC9E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5A546E0B-8AE1-B404-7870-B152E5FDBC6C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7694423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Copyright">
            <a:extLst>
              <a:ext uri="{FF2B5EF4-FFF2-40B4-BE49-F238E27FC236}">
                <a16:creationId xmlns:a16="http://schemas.microsoft.com/office/drawing/2014/main" id="{3B7CAC6E-23DA-068B-FAD7-0DB2FAA4FB7E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3836078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DE506362-52D5-FB2B-0322-5F8C1B1D4AA1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Copyright">
            <a:extLst>
              <a:ext uri="{FF2B5EF4-FFF2-40B4-BE49-F238E27FC236}">
                <a16:creationId xmlns:a16="http://schemas.microsoft.com/office/drawing/2014/main" id="{8F63B979-046C-5978-B1D2-9108F031B4E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3370259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Copyright">
            <a:extLst>
              <a:ext uri="{FF2B5EF4-FFF2-40B4-BE49-F238E27FC236}">
                <a16:creationId xmlns:a16="http://schemas.microsoft.com/office/drawing/2014/main" id="{2381C05B-85BB-9604-C495-66C9EDBC98ED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7326695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84" imgH="384" progId="TCLayout.ActiveDocument.1">
                  <p:embed/>
                </p:oleObj>
              </mc:Choice>
              <mc:Fallback>
                <p:oleObj name="think-cell Slide" r:id="rId6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/>
        </p:nvPicPr>
        <p:blipFill rotWithShape="1">
          <a:blip r:embed="rId8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9" y="2992639"/>
            <a:ext cx="3062417" cy="796727"/>
          </a:xfrm>
          <a:prstGeom prst="rect">
            <a:avLst/>
          </a:prstGeom>
        </p:spPr>
      </p:pic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57E47D9-E3E0-036F-6466-736C54593A6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35369323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0" imgW="384" imgH="384" progId="TCLayout.ActiveDocument.1">
                  <p:embed/>
                </p:oleObj>
              </mc:Choice>
              <mc:Fallback>
                <p:oleObj name="think-cell Slide" r:id="rId10" imgW="384" imgH="384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57E47D9-E3E0-036F-6466-736C54593A6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TitleAndEndImages">
            <a:extLst>
              <a:ext uri="{FF2B5EF4-FFF2-40B4-BE49-F238E27FC236}">
                <a16:creationId xmlns:a16="http://schemas.microsoft.com/office/drawing/2014/main" id="{7706F462-AB4B-A331-53EF-A483C81CD94F}"/>
              </a:ext>
            </a:extLst>
          </p:cNvPr>
          <p:cNvPicPr>
            <a:picLocks noChangeAspect="1"/>
          </p:cNvPicPr>
          <p:nvPr>
            <p:custDataLst>
              <p:tags r:id="rId3"/>
            </p:custDataLst>
          </p:nvPr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flipH="1">
            <a:off x="0" y="0"/>
            <a:ext cx="12192000" cy="6858000"/>
          </a:xfrm>
          <a:prstGeom prst="rect">
            <a:avLst/>
          </a:prstGeom>
        </p:spPr>
      </p:pic>
      <p:sp>
        <p:nvSpPr>
          <p:cNvPr id="6" name="Rectangle 5">
            <a:extLst>
              <a:ext uri="{FF2B5EF4-FFF2-40B4-BE49-F238E27FC236}">
                <a16:creationId xmlns:a16="http://schemas.microsoft.com/office/drawing/2014/main" id="{3088910C-C625-18D2-92C2-B6358406CCD2}"/>
              </a:ext>
            </a:extLst>
          </p:cNvPr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Freeform 6">
            <a:extLst>
              <a:ext uri="{FF2B5EF4-FFF2-40B4-BE49-F238E27FC236}">
                <a16:creationId xmlns:a16="http://schemas.microsoft.com/office/drawing/2014/main" id="{36195987-23CC-365D-238B-4DF17E88AF3F}"/>
              </a:ext>
            </a:extLst>
          </p:cNvPr>
          <p:cNvSpPr>
            <a:spLocks noChangeAspect="1"/>
          </p:cNvSpPr>
          <p:nvPr>
            <p:custDataLst>
              <p:tags r:id="rId4"/>
            </p:custDataLst>
          </p:nvPr>
        </p:nvSpPr>
        <p:spPr bwMode="auto">
          <a:xfrm>
            <a:off x="2676859" y="2969513"/>
            <a:ext cx="4033357" cy="842974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0"/>
          </a:p>
        </p:txBody>
      </p:sp>
    </p:spTree>
    <p:extLst>
      <p:ext uri="{BB962C8B-B14F-4D97-AF65-F5344CB8AC3E}">
        <p14:creationId xmlns:p14="http://schemas.microsoft.com/office/powerpoint/2010/main" val="33456413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784854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350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8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35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750"/>
                  </a:spcAft>
                </a:pPr>
                <a:endParaRPr lang="en-US" sz="9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761621"/>
                <a:ext cx="9030914" cy="2492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6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6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6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6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grpSp>
        <p:nvGrpSpPr>
          <p:cNvPr id="2" name="Group 1">
            <a:extLst>
              <a:ext uri="{FF2B5EF4-FFF2-40B4-BE49-F238E27FC236}">
                <a16:creationId xmlns:a16="http://schemas.microsoft.com/office/drawing/2014/main" id="{653DE8B0-3D5C-8D0E-EDBF-1691D00784F9}"/>
              </a:ext>
            </a:extLst>
          </p:cNvPr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3" name="No fly zone">
              <a:extLst>
                <a:ext uri="{FF2B5EF4-FFF2-40B4-BE49-F238E27FC236}">
                  <a16:creationId xmlns:a16="http://schemas.microsoft.com/office/drawing/2014/main" id="{25C6D6AF-C0DD-A028-0ABE-D729FFB69DD3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5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4" name="Baselines / anchors">
              <a:extLst>
                <a:ext uri="{FF2B5EF4-FFF2-40B4-BE49-F238E27FC236}">
                  <a16:creationId xmlns:a16="http://schemas.microsoft.com/office/drawing/2014/main" id="{8246B1AF-B417-6E1D-88CF-62B460B350D5}"/>
                </a:ext>
              </a:extLst>
            </p:cNvPr>
            <p:cNvGrpSpPr/>
            <p:nvPr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28" name="Straight Connector 27">
                <a:extLst>
                  <a:ext uri="{FF2B5EF4-FFF2-40B4-BE49-F238E27FC236}">
                    <a16:creationId xmlns:a16="http://schemas.microsoft.com/office/drawing/2014/main" id="{739DD1FF-1B2C-1C08-9650-274CA74D86BF}"/>
                  </a:ext>
                </a:extLst>
              </p:cNvPr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9" name="Straight Connector 28">
                <a:extLst>
                  <a:ext uri="{FF2B5EF4-FFF2-40B4-BE49-F238E27FC236}">
                    <a16:creationId xmlns:a16="http://schemas.microsoft.com/office/drawing/2014/main" id="{6FE3990E-62F6-5685-396C-801AA51D1954}"/>
                  </a:ext>
                </a:extLst>
              </p:cNvPr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0" name="Straight Connector 29">
                <a:extLst>
                  <a:ext uri="{FF2B5EF4-FFF2-40B4-BE49-F238E27FC236}">
                    <a16:creationId xmlns:a16="http://schemas.microsoft.com/office/drawing/2014/main" id="{B26AEC1F-76DF-57AC-FE7A-BCBD7EEC133B}"/>
                  </a:ext>
                </a:extLst>
              </p:cNvPr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1" name="Straight Connector 30">
                <a:extLst>
                  <a:ext uri="{FF2B5EF4-FFF2-40B4-BE49-F238E27FC236}">
                    <a16:creationId xmlns:a16="http://schemas.microsoft.com/office/drawing/2014/main" id="{F161BE9F-78D8-DB3E-7341-EA1F61E665DF}"/>
                  </a:ext>
                </a:extLst>
              </p:cNvPr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2" name="Straight Connector 31">
                <a:extLst>
                  <a:ext uri="{FF2B5EF4-FFF2-40B4-BE49-F238E27FC236}">
                    <a16:creationId xmlns:a16="http://schemas.microsoft.com/office/drawing/2014/main" id="{C9FE163D-D486-9BF2-BAD1-B16ED8F78BA2}"/>
                  </a:ext>
                </a:extLst>
              </p:cNvPr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3" name="Straight Connector 32">
                <a:extLst>
                  <a:ext uri="{FF2B5EF4-FFF2-40B4-BE49-F238E27FC236}">
                    <a16:creationId xmlns:a16="http://schemas.microsoft.com/office/drawing/2014/main" id="{EF0EA13E-BF99-A33D-CFD3-2300323DECEC}"/>
                  </a:ext>
                </a:extLst>
              </p:cNvPr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4" name="Straight Connector 33">
                <a:extLst>
                  <a:ext uri="{FF2B5EF4-FFF2-40B4-BE49-F238E27FC236}">
                    <a16:creationId xmlns:a16="http://schemas.microsoft.com/office/drawing/2014/main" id="{AD0B5230-E7B1-97C4-6C18-05B4760E84FB}"/>
                  </a:ext>
                </a:extLst>
              </p:cNvPr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5" name="Straight Connector 34">
                <a:extLst>
                  <a:ext uri="{FF2B5EF4-FFF2-40B4-BE49-F238E27FC236}">
                    <a16:creationId xmlns:a16="http://schemas.microsoft.com/office/drawing/2014/main" id="{271C2220-AB59-E089-8295-BCFC04D97C58}"/>
                  </a:ext>
                </a:extLst>
              </p:cNvPr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6" name="Straight Connector 35">
                <a:extLst>
                  <a:ext uri="{FF2B5EF4-FFF2-40B4-BE49-F238E27FC236}">
                    <a16:creationId xmlns:a16="http://schemas.microsoft.com/office/drawing/2014/main" id="{228353CC-0BF7-7C81-E39E-92215516338E}"/>
                  </a:ext>
                </a:extLst>
              </p:cNvPr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7" name="Straight Connector 36">
                <a:extLst>
                  <a:ext uri="{FF2B5EF4-FFF2-40B4-BE49-F238E27FC236}">
                    <a16:creationId xmlns:a16="http://schemas.microsoft.com/office/drawing/2014/main" id="{661A87BA-4B7E-C8B1-3FF5-3355B5F3F5F0}"/>
                  </a:ext>
                </a:extLst>
              </p:cNvPr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8" name="Straight Connector 37">
                <a:extLst>
                  <a:ext uri="{FF2B5EF4-FFF2-40B4-BE49-F238E27FC236}">
                    <a16:creationId xmlns:a16="http://schemas.microsoft.com/office/drawing/2014/main" id="{F575DD4E-CAB8-1B4E-1E3E-749CDA3C1A0C}"/>
                  </a:ext>
                </a:extLst>
              </p:cNvPr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9" name="Straight Connector 38">
                <a:extLst>
                  <a:ext uri="{FF2B5EF4-FFF2-40B4-BE49-F238E27FC236}">
                    <a16:creationId xmlns:a16="http://schemas.microsoft.com/office/drawing/2014/main" id="{91E7A3F5-6BF0-F27E-8F4D-8017539BDC19}"/>
                  </a:ext>
                </a:extLst>
              </p:cNvPr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0" name="Straight Connector 39">
                <a:extLst>
                  <a:ext uri="{FF2B5EF4-FFF2-40B4-BE49-F238E27FC236}">
                    <a16:creationId xmlns:a16="http://schemas.microsoft.com/office/drawing/2014/main" id="{1260FA88-6B75-B5F8-B2D3-44428C9EEA49}"/>
                  </a:ext>
                </a:extLst>
              </p:cNvPr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1" name="Straight Connector 40">
                <a:extLst>
                  <a:ext uri="{FF2B5EF4-FFF2-40B4-BE49-F238E27FC236}">
                    <a16:creationId xmlns:a16="http://schemas.microsoft.com/office/drawing/2014/main" id="{8CAD9F1B-0B8C-E552-ED95-0A34D7D98D18}"/>
                  </a:ext>
                </a:extLst>
              </p:cNvPr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2" name="Straight Connector 41">
                <a:extLst>
                  <a:ext uri="{FF2B5EF4-FFF2-40B4-BE49-F238E27FC236}">
                    <a16:creationId xmlns:a16="http://schemas.microsoft.com/office/drawing/2014/main" id="{948A1DAC-AF9F-3618-F1AE-63F66D0CD587}"/>
                  </a:ext>
                </a:extLst>
              </p:cNvPr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3" name="Straight Connector 42">
                <a:extLst>
                  <a:ext uri="{FF2B5EF4-FFF2-40B4-BE49-F238E27FC236}">
                    <a16:creationId xmlns:a16="http://schemas.microsoft.com/office/drawing/2014/main" id="{7355B485-C1E1-7359-A1CF-2E324DA1ABF8}"/>
                  </a:ext>
                </a:extLst>
              </p:cNvPr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4" name="Straight Connector 43">
                <a:extLst>
                  <a:ext uri="{FF2B5EF4-FFF2-40B4-BE49-F238E27FC236}">
                    <a16:creationId xmlns:a16="http://schemas.microsoft.com/office/drawing/2014/main" id="{29E8A749-CF77-AE97-91CB-6BC847149E51}"/>
                  </a:ext>
                </a:extLst>
              </p:cNvPr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5" name="Straight Connector 44">
                <a:extLst>
                  <a:ext uri="{FF2B5EF4-FFF2-40B4-BE49-F238E27FC236}">
                    <a16:creationId xmlns:a16="http://schemas.microsoft.com/office/drawing/2014/main" id="{70C16B5A-40EA-0B63-0D30-C270E5A0FE02}"/>
                  </a:ext>
                </a:extLst>
              </p:cNvPr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6" name="Straight Connector 45">
                <a:extLst>
                  <a:ext uri="{FF2B5EF4-FFF2-40B4-BE49-F238E27FC236}">
                    <a16:creationId xmlns:a16="http://schemas.microsoft.com/office/drawing/2014/main" id="{134E5FEC-9481-FEAC-E664-6B08228859D7}"/>
                  </a:ext>
                </a:extLst>
              </p:cNvPr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7" name="Straight Connector 46">
                <a:extLst>
                  <a:ext uri="{FF2B5EF4-FFF2-40B4-BE49-F238E27FC236}">
                    <a16:creationId xmlns:a16="http://schemas.microsoft.com/office/drawing/2014/main" id="{10518EEB-4DF6-1C7A-1499-3FDFF329DCB8}"/>
                  </a:ext>
                </a:extLst>
              </p:cNvPr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" name="Gutter space">
              <a:extLst>
                <a:ext uri="{FF2B5EF4-FFF2-40B4-BE49-F238E27FC236}">
                  <a16:creationId xmlns:a16="http://schemas.microsoft.com/office/drawing/2014/main" id="{DEF87D94-E0E3-F6B3-EB69-D365FA17B99C}"/>
                </a:ext>
              </a:extLst>
            </p:cNvPr>
            <p:cNvGrpSpPr/>
            <p:nvPr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7" name="Rectangle 34">
                <a:extLst>
                  <a:ext uri="{FF2B5EF4-FFF2-40B4-BE49-F238E27FC236}">
                    <a16:creationId xmlns:a16="http://schemas.microsoft.com/office/drawing/2014/main" id="{629B3114-1AC4-9C01-D138-4457FEE594C7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8" name="Rectangle 35">
                <a:extLst>
                  <a:ext uri="{FF2B5EF4-FFF2-40B4-BE49-F238E27FC236}">
                    <a16:creationId xmlns:a16="http://schemas.microsoft.com/office/drawing/2014/main" id="{38158FC3-1338-0BA9-2F5D-3E94C21397F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9" name="Rectangle 36">
                <a:extLst>
                  <a:ext uri="{FF2B5EF4-FFF2-40B4-BE49-F238E27FC236}">
                    <a16:creationId xmlns:a16="http://schemas.microsoft.com/office/drawing/2014/main" id="{3C76C3A4-AB80-E0B2-3EB4-F6692E0455A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20" name="Rectangle 37">
                <a:extLst>
                  <a:ext uri="{FF2B5EF4-FFF2-40B4-BE49-F238E27FC236}">
                    <a16:creationId xmlns:a16="http://schemas.microsoft.com/office/drawing/2014/main" id="{69BC5289-2DC4-F921-DCE1-3B3D2F2CC69B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21" name="Rectangle 38">
                <a:extLst>
                  <a:ext uri="{FF2B5EF4-FFF2-40B4-BE49-F238E27FC236}">
                    <a16:creationId xmlns:a16="http://schemas.microsoft.com/office/drawing/2014/main" id="{1892BB5C-5C0F-A05D-D85F-DE2B783CE65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22" name="Rectangle 39">
                <a:extLst>
                  <a:ext uri="{FF2B5EF4-FFF2-40B4-BE49-F238E27FC236}">
                    <a16:creationId xmlns:a16="http://schemas.microsoft.com/office/drawing/2014/main" id="{D6E2EFF6-5B39-F67B-088F-35E0E035235B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23" name="Rectangle 40">
                <a:extLst>
                  <a:ext uri="{FF2B5EF4-FFF2-40B4-BE49-F238E27FC236}">
                    <a16:creationId xmlns:a16="http://schemas.microsoft.com/office/drawing/2014/main" id="{DC14EC06-CFB9-CFE0-60F2-0A839188DA9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24" name="Rectangle 41">
                <a:extLst>
                  <a:ext uri="{FF2B5EF4-FFF2-40B4-BE49-F238E27FC236}">
                    <a16:creationId xmlns:a16="http://schemas.microsoft.com/office/drawing/2014/main" id="{5F399968-E7EE-41FF-6823-B2CD6288AEA4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25" name="Rectangle 42">
                <a:extLst>
                  <a:ext uri="{FF2B5EF4-FFF2-40B4-BE49-F238E27FC236}">
                    <a16:creationId xmlns:a16="http://schemas.microsoft.com/office/drawing/2014/main" id="{9040E971-6178-C8C8-BF9F-32DD959667D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26" name="Rectangle 43">
                <a:extLst>
                  <a:ext uri="{FF2B5EF4-FFF2-40B4-BE49-F238E27FC236}">
                    <a16:creationId xmlns:a16="http://schemas.microsoft.com/office/drawing/2014/main" id="{111FC18D-FCCB-98D9-7407-C36625185CA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27" name="Rectangle 44">
                <a:extLst>
                  <a:ext uri="{FF2B5EF4-FFF2-40B4-BE49-F238E27FC236}">
                    <a16:creationId xmlns:a16="http://schemas.microsoft.com/office/drawing/2014/main" id="{EC989A31-8E28-23EF-AE4A-683DF2C6749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</p:grpSp>
        <p:sp>
          <p:nvSpPr>
            <p:cNvPr id="6" name="Slide edges">
              <a:extLst>
                <a:ext uri="{FF2B5EF4-FFF2-40B4-BE49-F238E27FC236}">
                  <a16:creationId xmlns:a16="http://schemas.microsoft.com/office/drawing/2014/main" id="{9CBB5C97-C60F-4253-35E5-AE56BC1B58AF}"/>
                </a:ext>
              </a:extLst>
            </p:cNvPr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35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7" name="Footnote measure">
              <a:extLst>
                <a:ext uri="{FF2B5EF4-FFF2-40B4-BE49-F238E27FC236}">
                  <a16:creationId xmlns:a16="http://schemas.microsoft.com/office/drawing/2014/main" id="{527254E8-CA9C-C732-BAEF-2548BE8F185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50">
                <a:latin typeface="+mn-lt"/>
              </a:endParaRPr>
            </a:p>
          </p:txBody>
        </p:sp>
        <p:sp>
          <p:nvSpPr>
            <p:cNvPr id="8" name="Whitespace measure">
              <a:extLst>
                <a:ext uri="{FF2B5EF4-FFF2-40B4-BE49-F238E27FC236}">
                  <a16:creationId xmlns:a16="http://schemas.microsoft.com/office/drawing/2014/main" id="{411C5A73-A6EE-90EF-60F4-6C4C29DDA61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50">
                <a:latin typeface="+mn-lt"/>
              </a:endParaRPr>
            </a:p>
          </p:txBody>
        </p:sp>
        <p:grpSp>
          <p:nvGrpSpPr>
            <p:cNvPr id="9" name="Five column measure">
              <a:extLst>
                <a:ext uri="{FF2B5EF4-FFF2-40B4-BE49-F238E27FC236}">
                  <a16:creationId xmlns:a16="http://schemas.microsoft.com/office/drawing/2014/main" id="{78079BF7-010D-1125-B986-533CE73468CB}"/>
                </a:ext>
              </a:extLst>
            </p:cNvPr>
            <p:cNvGrpSpPr/>
            <p:nvPr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2" name="Rectangle 5">
                <a:extLst>
                  <a:ext uri="{FF2B5EF4-FFF2-40B4-BE49-F238E27FC236}">
                    <a16:creationId xmlns:a16="http://schemas.microsoft.com/office/drawing/2014/main" id="{9C19CC0B-8C1D-6ECC-A084-B18BDD7A64B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3" name="Rectangle 7">
                <a:extLst>
                  <a:ext uri="{FF2B5EF4-FFF2-40B4-BE49-F238E27FC236}">
                    <a16:creationId xmlns:a16="http://schemas.microsoft.com/office/drawing/2014/main" id="{6D8F0F03-74FF-B1CA-C2F9-DFDDDF509C6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4" name="Rectangle 9">
                <a:extLst>
                  <a:ext uri="{FF2B5EF4-FFF2-40B4-BE49-F238E27FC236}">
                    <a16:creationId xmlns:a16="http://schemas.microsoft.com/office/drawing/2014/main" id="{E5804DB3-547B-0ED2-079E-1D748229E96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5" name="Rectangle 11">
                <a:extLst>
                  <a:ext uri="{FF2B5EF4-FFF2-40B4-BE49-F238E27FC236}">
                    <a16:creationId xmlns:a16="http://schemas.microsoft.com/office/drawing/2014/main" id="{B185E782-1CD0-F774-9DB6-D38A6A0BD580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  <p:sp>
            <p:nvSpPr>
              <p:cNvPr id="16" name="Rectangle 13">
                <a:extLst>
                  <a:ext uri="{FF2B5EF4-FFF2-40B4-BE49-F238E27FC236}">
                    <a16:creationId xmlns:a16="http://schemas.microsoft.com/office/drawing/2014/main" id="{D1549B10-4D04-4E93-1A9F-7467515A1C6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>
                  <a:latin typeface="+mn-lt"/>
                </a:endParaRPr>
              </a:p>
            </p:txBody>
          </p:sp>
        </p:grpSp>
        <p:sp>
          <p:nvSpPr>
            <p:cNvPr id="10" name="Live area">
              <a:extLst>
                <a:ext uri="{FF2B5EF4-FFF2-40B4-BE49-F238E27FC236}">
                  <a16:creationId xmlns:a16="http://schemas.microsoft.com/office/drawing/2014/main" id="{CD2B8C9E-F6D6-61D3-CD29-2AFDAC4E1B30}"/>
                </a:ext>
              </a:extLst>
            </p:cNvPr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endParaRPr lang="en-US" sz="90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1" name="Footnote example">
              <a:extLst>
                <a:ext uri="{FF2B5EF4-FFF2-40B4-BE49-F238E27FC236}">
                  <a16:creationId xmlns:a16="http://schemas.microsoft.com/office/drawing/2014/main" id="{03389AA3-C8AF-4786-4841-3C4E79C276FB}"/>
                </a:ext>
              </a:extLst>
            </p:cNvPr>
            <p:cNvSpPr txBox="1"/>
            <p:nvPr/>
          </p:nvSpPr>
          <p:spPr>
            <a:xfrm>
              <a:off x="630000" y="6248316"/>
              <a:ext cx="9030914" cy="311624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6858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5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6858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5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6858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5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49" name="Copyright">
            <a:extLst>
              <a:ext uri="{FF2B5EF4-FFF2-40B4-BE49-F238E27FC236}">
                <a16:creationId xmlns:a16="http://schemas.microsoft.com/office/drawing/2014/main" id="{36B4B65A-2CC0-83D9-D81B-D26F2A31B9D9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9659522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8044022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2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405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9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45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17126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extLst>
    <p:ext uri="{DCECCB84-F9BA-43D5-87BE-67443E8EF086}">
      <p15:sldGuideLst xmlns:p15="http://schemas.microsoft.com/office/powerpoint/2012/main"/>
    </p:ext>
  </p:extLst>
</p:sldLayout>
</file>

<file path=ppt/slideLayouts/slideLayout3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08921831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1" y="622802"/>
            <a:ext cx="9563100" cy="2492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306915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1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3" name="Copyright">
            <a:extLst>
              <a:ext uri="{FF2B5EF4-FFF2-40B4-BE49-F238E27FC236}">
                <a16:creationId xmlns:a16="http://schemas.microsoft.com/office/drawing/2014/main" id="{1683BA7C-6DA1-720C-7DFE-C0F5C982C12A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4866404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9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2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50"/>
            <a:ext cx="3744000" cy="664797"/>
          </a:xfrm>
        </p:spPr>
        <p:txBody>
          <a:bodyPr anchor="t">
            <a:noAutofit/>
          </a:bodyPr>
          <a:lstStyle>
            <a:lvl1pPr>
              <a:defRPr sz="18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9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2" name="Rectangle 1">
            <a:extLst>
              <a:ext uri="{FF2B5EF4-FFF2-40B4-BE49-F238E27FC236}">
                <a16:creationId xmlns:a16="http://schemas.microsoft.com/office/drawing/2014/main" id="{7B513332-91FC-6862-FB95-0724A2623697}"/>
              </a:ext>
            </a:extLst>
          </p:cNvPr>
          <p:cNvSpPr/>
          <p:nvPr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786269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2" pos="5120">
          <p15:clr>
            <a:srgbClr val="FBAE40"/>
          </p15:clr>
        </p15:guide>
        <p15:guide id="3" orient="horz" pos="2160">
          <p15:clr>
            <a:srgbClr val="FBAE40"/>
          </p15:clr>
        </p15:guide>
        <p15:guide id="4" pos="3840">
          <p15:clr>
            <a:srgbClr val="FBAE40"/>
          </p15:clr>
        </p15:guide>
      </p15:sldGuideLst>
    </p:ext>
  </p:extLst>
</p:sldLayout>
</file>

<file path=ppt/slideLayouts/slideLayout3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/>
        </p:nvSpPr>
        <p:spPr bwMode="white">
          <a:xfrm>
            <a:off x="1280694" y="1424083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Copyright">
            <a:extLst>
              <a:ext uri="{FF2B5EF4-FFF2-40B4-BE49-F238E27FC236}">
                <a16:creationId xmlns:a16="http://schemas.microsoft.com/office/drawing/2014/main" id="{B85E4C01-5E62-9A33-6A1C-95539CBDD354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B23A837E-D67D-E047-7FC9-7AD6315E31D6}"/>
              </a:ext>
            </a:extLst>
          </p:cNvPr>
          <p:cNvSpPr/>
          <p:nvPr/>
        </p:nvSpPr>
        <p:spPr bwMode="white">
          <a:xfrm>
            <a:off x="1280694" y="1424083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25573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405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/>
        </p:nvCxnSpPr>
        <p:spPr bwMode="white">
          <a:xfrm>
            <a:off x="630001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cxnSp>
        <p:nvCxnSpPr>
          <p:cNvPr id="2" name="Straight Connector 1">
            <a:extLst>
              <a:ext uri="{FF2B5EF4-FFF2-40B4-BE49-F238E27FC236}">
                <a16:creationId xmlns:a16="http://schemas.microsoft.com/office/drawing/2014/main" id="{77D22BFB-1A35-6B7F-7B42-4B22255018B9}"/>
              </a:ext>
            </a:extLst>
          </p:cNvPr>
          <p:cNvCxnSpPr/>
          <p:nvPr/>
        </p:nvCxnSpPr>
        <p:spPr bwMode="white">
          <a:xfrm>
            <a:off x="630001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0993374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18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EE42279-233D-C45F-5A39-FA68ECC4108B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4" name="TextBox 3">
            <a:extLst>
              <a:ext uri="{FF2B5EF4-FFF2-40B4-BE49-F238E27FC236}">
                <a16:creationId xmlns:a16="http://schemas.microsoft.com/office/drawing/2014/main" id="{CBA31FFE-6E2B-4D16-9F16-49D890A3DE2F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54DC9E2B-A4B0-8E58-9AB9-130ECF74DBB8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A0CC6057-486E-833D-E675-417FDD03E332}"/>
              </a:ext>
            </a:extLst>
          </p:cNvPr>
          <p:cNvSpPr/>
          <p:nvPr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269180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07360709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1" y="622802"/>
            <a:ext cx="4906279" cy="2492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4890B6B-B662-E672-3E63-6BBC670DAB06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38F7A437-D256-F94E-8D40-F3B03EB4C01B}"/>
              </a:ext>
            </a:extLst>
          </p:cNvPr>
          <p:cNvSpPr/>
          <p:nvPr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6A9B4E3F-8D58-63C2-2A1C-E60CD64E0A48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Copyright">
            <a:extLst>
              <a:ext uri="{FF2B5EF4-FFF2-40B4-BE49-F238E27FC236}">
                <a16:creationId xmlns:a16="http://schemas.microsoft.com/office/drawing/2014/main" id="{6C306B7B-0E17-20FE-5CB1-747EC4CB7FC2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8769759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34886448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2"/>
            <a:ext cx="6731335" cy="2492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76FD6B8B-506C-F491-029B-0EC92560A523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70058185-1FAF-E851-2F73-686D5B9D8EEF}"/>
              </a:ext>
            </a:extLst>
          </p:cNvPr>
          <p:cNvSpPr/>
          <p:nvPr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" name="Copyright">
            <a:extLst>
              <a:ext uri="{FF2B5EF4-FFF2-40B4-BE49-F238E27FC236}">
                <a16:creationId xmlns:a16="http://schemas.microsoft.com/office/drawing/2014/main" id="{6D64CE3C-9A7C-DA96-A426-B3D8A804D60C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8068AC7D-730B-D855-269E-06B1ECFEB934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6140479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659129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A53FBF35-BBBA-D896-11E4-4DB52E2785F1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24553587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18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5" y="6326129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350"/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5E8C6A6-3B7A-1066-2DC5-83B06790357C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DCA09BB6-B434-5749-A0C2-668D7FE4E680}"/>
              </a:ext>
            </a:extLst>
          </p:cNvPr>
          <p:cNvSpPr/>
          <p:nvPr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70208015-FAEC-A56A-8E8E-C05D5F713F5C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83A5D77F-E526-CD56-FF22-6C94C22BC589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790187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35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33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6162923" y="6326129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CDAF13C-3595-54C0-D62B-FA2F11CEFC7A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4D510F99-4C25-8512-DC69-3661D5F83BC6}"/>
              </a:ext>
            </a:extLst>
          </p:cNvPr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8A7C69C-3522-FC58-28A8-6416849412D8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Copyright">
            <a:extLst>
              <a:ext uri="{FF2B5EF4-FFF2-40B4-BE49-F238E27FC236}">
                <a16:creationId xmlns:a16="http://schemas.microsoft.com/office/drawing/2014/main" id="{FA5AE99F-CBE9-E314-AEE7-80B87721B8F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89113838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2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3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890927" y="6326129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C0A86F9-D0AA-6076-C658-7405EE9C66D4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EA30C2A8-B290-AE56-A6C1-14CE630A8DBD}"/>
              </a:ext>
            </a:extLst>
          </p:cNvPr>
          <p:cNvSpPr/>
          <p:nvPr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F7379E74-DE4D-5B84-D16E-55380C81475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CF74DABC-DEC6-F827-41C7-F15A5C78F7B7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4796683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764205"/>
            <a:ext cx="2478639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A09E7197-500F-978A-7237-042804298BB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79571629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324" imgH="324" progId="TCLayout.ActiveDocument.1">
                  <p:embed/>
                </p:oleObj>
              </mc:Choice>
              <mc:Fallback>
                <p:oleObj name="think-cell Slide" r:id="rId8" imgW="324" imgH="324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A09E7197-500F-978A-7237-042804298BB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Freeform 14">
            <a:extLst>
              <a:ext uri="{FF2B5EF4-FFF2-40B4-BE49-F238E27FC236}">
                <a16:creationId xmlns:a16="http://schemas.microsoft.com/office/drawing/2014/main" id="{B150E1F1-714E-6F74-CD9D-7F30A4E0651F}"/>
              </a:ext>
            </a:extLst>
          </p:cNvPr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541D1813-41EC-77E1-6CEF-8F1BAFB6A8B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99065F0D-3B73-206D-C7C6-46B15517933C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C7CC0039-59C6-C888-BEB9-83AB770DC92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3529275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1" y="2764205"/>
            <a:ext cx="2478639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1" y="3402830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3335835" y="6326129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Freeform 14">
            <a:extLst>
              <a:ext uri="{FF2B5EF4-FFF2-40B4-BE49-F238E27FC236}">
                <a16:creationId xmlns:a16="http://schemas.microsoft.com/office/drawing/2014/main" id="{D17C0481-DE32-1CD2-B35A-E4E457F8124F}"/>
              </a:ext>
            </a:extLst>
          </p:cNvPr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D1C79629-1F1A-C8AA-F509-04AAE54DFACF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Copyright">
            <a:extLst>
              <a:ext uri="{FF2B5EF4-FFF2-40B4-BE49-F238E27FC236}">
                <a16:creationId xmlns:a16="http://schemas.microsoft.com/office/drawing/2014/main" id="{972C49D1-97ED-ED75-8E73-96F47F202049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AA58B900-100B-1680-A0B4-77944201461C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1" y="3402830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8588692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1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3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6" y="3394394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2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52B6DD45-9DD5-3861-DDE4-0E15A0C345B7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6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A1D2D9D8-98DA-1250-4F1D-935C7B932C61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Pentagon 3">
            <a:extLst>
              <a:ext uri="{FF2B5EF4-FFF2-40B4-BE49-F238E27FC236}">
                <a16:creationId xmlns:a16="http://schemas.microsoft.com/office/drawing/2014/main" id="{44F55499-E457-5B30-A340-BDBCC0617CED}"/>
              </a:ext>
            </a:extLst>
          </p:cNvPr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77F7D5B3-E337-F6D1-96C9-51892AE7754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6" y="3394394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6175468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1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3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795633" y="6326129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Pentagon 3">
            <a:extLst>
              <a:ext uri="{FF2B5EF4-FFF2-40B4-BE49-F238E27FC236}">
                <a16:creationId xmlns:a16="http://schemas.microsoft.com/office/drawing/2014/main" id="{139C35F5-0D37-50A2-CCB1-5EFA54F51F5D}"/>
              </a:ext>
            </a:extLst>
          </p:cNvPr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6C9F3626-5883-DFE3-1ECE-8B624BDC3876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888F92E7-1BFD-3304-23D2-0E89207523A9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30955E9F-6238-76F6-1813-AD49ABD2F2C0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6007703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27483338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2"/>
            <a:ext cx="3377572" cy="2492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5" y="3589606"/>
            <a:ext cx="1365251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9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9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2" name="Copyright">
            <a:extLst>
              <a:ext uri="{FF2B5EF4-FFF2-40B4-BE49-F238E27FC236}">
                <a16:creationId xmlns:a16="http://schemas.microsoft.com/office/drawing/2014/main" id="{C2AE19BE-EDE3-E02D-02F4-510CD3A1E39E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63123803-9DFD-5C2A-BCAA-B8844A8B36B4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D947CC86-F407-82C0-0829-B52DDE6F11E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5" y="3589606"/>
            <a:ext cx="1365251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48945359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40116287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2"/>
            <a:ext cx="3377572" cy="2492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914400" y="6326129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BE0F91A7-44EA-507B-39AF-D58C0701FDD0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BF32664C-F84D-941B-B5B0-92A93F0F2799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B104553D-7C2E-04BC-42DD-6AF13C047F3F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6467103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1301798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2"/>
            <a:ext cx="4884247" cy="2492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1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2" y="6565900"/>
            <a:ext cx="7638827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3" name="Freeform 18">
            <a:extLst>
              <a:ext uri="{FF2B5EF4-FFF2-40B4-BE49-F238E27FC236}">
                <a16:creationId xmlns:a16="http://schemas.microsoft.com/office/drawing/2014/main" id="{64377365-7521-4EE2-ACBE-6B0857855981}"/>
              </a:ext>
            </a:extLst>
          </p:cNvPr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EE089EE2-662F-F5CF-5C6D-97F42C23CB2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CC0F3BFD-8C18-4F97-0DB1-551C34259783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E7D83F1F-EB94-4876-0290-06946D8E0EA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1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951705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91809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48702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6329123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2"/>
            <a:ext cx="4884247" cy="2492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0901" y="6326129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3" name="Freeform 18">
            <a:extLst>
              <a:ext uri="{FF2B5EF4-FFF2-40B4-BE49-F238E27FC236}">
                <a16:creationId xmlns:a16="http://schemas.microsoft.com/office/drawing/2014/main" id="{6DE04650-7215-EC28-2E72-104D2838589D}"/>
              </a:ext>
            </a:extLst>
          </p:cNvPr>
          <p:cNvSpPr/>
          <p:nvPr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D78C671A-B090-DBFD-AA33-4F1825625ABA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Copyright">
            <a:extLst>
              <a:ext uri="{FF2B5EF4-FFF2-40B4-BE49-F238E27FC236}">
                <a16:creationId xmlns:a16="http://schemas.microsoft.com/office/drawing/2014/main" id="{6A2C9702-631D-8FA4-84DD-2003132D4E1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A1A34403-B95D-D542-39E2-36DAF398F334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499514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Copyright">
            <a:extLst>
              <a:ext uri="{FF2B5EF4-FFF2-40B4-BE49-F238E27FC236}">
                <a16:creationId xmlns:a16="http://schemas.microsoft.com/office/drawing/2014/main" id="{21B8CFB5-DEEC-1C1B-DA92-945AB9E9A19E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F320EA7C-77E9-B18D-4B03-1D1BA9BB8244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6767078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685800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405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9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Copyright">
            <a:extLst>
              <a:ext uri="{FF2B5EF4-FFF2-40B4-BE49-F238E27FC236}">
                <a16:creationId xmlns:a16="http://schemas.microsoft.com/office/drawing/2014/main" id="{488641C7-040A-AD49-9BF0-025338A260D9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E28128C3-639C-11E0-1928-828A8F26827A}"/>
              </a:ext>
            </a:extLst>
          </p:cNvPr>
          <p:cNvSpPr/>
          <p:nvPr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691485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0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BE85AD11-0130-A29C-EEA0-210404469E3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6658069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384" imgH="384" progId="TCLayout.ActiveDocument.1">
                  <p:embed/>
                </p:oleObj>
              </mc:Choice>
              <mc:Fallback>
                <p:oleObj name="think-cell Slide" r:id="rId8" imgW="384" imgH="384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BE85AD11-0130-A29C-EEA0-210404469E3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extBox 3">
            <a:extLst>
              <a:ext uri="{FF2B5EF4-FFF2-40B4-BE49-F238E27FC236}">
                <a16:creationId xmlns:a16="http://schemas.microsoft.com/office/drawing/2014/main" id="{896367CF-4E2D-45C2-3003-5143EC78DC6D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FC8903A3-46A6-02BC-64AD-86D55F20E28B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9838607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44277925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2"/>
            <a:ext cx="9562951" cy="2492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3" name="Copyright">
            <a:extLst>
              <a:ext uri="{FF2B5EF4-FFF2-40B4-BE49-F238E27FC236}">
                <a16:creationId xmlns:a16="http://schemas.microsoft.com/office/drawing/2014/main" id="{8FF62977-B5BC-0BD6-4CD0-049110C6520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7795659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821109"/>
            <a:ext cx="2819400" cy="127541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525"/>
              </a:spcAft>
              <a:buFontTx/>
              <a:buNone/>
            </a:pPr>
            <a:r>
              <a:rPr lang="en-US" sz="405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2" name="Freeform 12">
            <a:extLst>
              <a:ext uri="{FF2B5EF4-FFF2-40B4-BE49-F238E27FC236}">
                <a16:creationId xmlns:a16="http://schemas.microsoft.com/office/drawing/2014/main" id="{660CEC19-A2E6-A902-7812-804B7BBF3DB5}"/>
              </a:ext>
            </a:extLst>
          </p:cNvPr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0A855D91-8621-E504-AE41-711BDAA1DD08}"/>
              </a:ext>
            </a:extLst>
          </p:cNvPr>
          <p:cNvSpPr txBox="1"/>
          <p:nvPr/>
        </p:nvSpPr>
        <p:spPr>
          <a:xfrm>
            <a:off x="630000" y="2821109"/>
            <a:ext cx="2819400" cy="127541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525"/>
              </a:spcAft>
              <a:buFontTx/>
              <a:buNone/>
            </a:pPr>
            <a:r>
              <a:rPr lang="en-US" sz="405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4" name="Copyright">
            <a:extLst>
              <a:ext uri="{FF2B5EF4-FFF2-40B4-BE49-F238E27FC236}">
                <a16:creationId xmlns:a16="http://schemas.microsoft.com/office/drawing/2014/main" id="{05EB6A92-845E-2178-4423-D2733CBFD8F9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E9788CD7-A19D-E88C-7A14-DC10A73C6EE4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FD51FDB-F019-D949-A3CC-730599ABB14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1851656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sp>
        <p:nvSpPr>
          <p:cNvPr id="2" name="Copyright">
            <a:extLst>
              <a:ext uri="{FF2B5EF4-FFF2-40B4-BE49-F238E27FC236}">
                <a16:creationId xmlns:a16="http://schemas.microsoft.com/office/drawing/2014/main" id="{A9965786-BC2B-CEC8-A7E2-620E37C00C35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3C9DCF23-757F-01EC-8CEE-3A0D8EC12196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788830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Copyright">
            <a:extLst>
              <a:ext uri="{FF2B5EF4-FFF2-40B4-BE49-F238E27FC236}">
                <a16:creationId xmlns:a16="http://schemas.microsoft.com/office/drawing/2014/main" id="{77415287-7889-2DD2-F40F-C52848B23B81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6928716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Copyright">
            <a:extLst>
              <a:ext uri="{FF2B5EF4-FFF2-40B4-BE49-F238E27FC236}">
                <a16:creationId xmlns:a16="http://schemas.microsoft.com/office/drawing/2014/main" id="{83E218B1-6E6A-2658-6005-AE67F6ADFA4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717636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9" y="2992639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93702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359547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F38E1213-A213-40A1-66F7-BB56471B568E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24776593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350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8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35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750"/>
                  </a:spcAft>
                </a:pPr>
                <a:endParaRPr lang="en-US" sz="9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761621"/>
                <a:ext cx="9030914" cy="2492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6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6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6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6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673848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2475455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/>
        </p:nvSpPr>
        <p:spPr bwMode="invGray">
          <a:xfrm>
            <a:off x="1388146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37160" tIns="135000" rIns="137160" bIns="13716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9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459000" tIns="351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endParaRPr lang="en-US" sz="405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/>
        </p:nvSpPr>
        <p:spPr>
          <a:xfrm>
            <a:off x="1412918" y="1347645"/>
            <a:ext cx="1882246" cy="6844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405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1ECE31A-AD78-532A-39E6-AD5C80F33C34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9" imgW="270" imgH="270" progId="TCLayout.ActiveDocument.1">
                  <p:embed/>
                </p:oleObj>
              </mc:Choice>
              <mc:Fallback>
                <p:oleObj name="think-cell Slide" r:id="rId9" imgW="270" imgH="27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1ECE31A-AD78-532A-39E6-AD5C80F33C3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F41A1E29-E9EE-1AE3-5A8C-5C59B411BF18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Copyright">
            <a:extLst>
              <a:ext uri="{FF2B5EF4-FFF2-40B4-BE49-F238E27FC236}">
                <a16:creationId xmlns:a16="http://schemas.microsoft.com/office/drawing/2014/main" id="{68649DA2-5BEF-F834-8452-B3E50AE2F648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C9DDEF54-F780-C398-523F-74197A492F5B}"/>
              </a:ext>
            </a:extLst>
          </p:cNvPr>
          <p:cNvSpPr/>
          <p:nvPr/>
        </p:nvSpPr>
        <p:spPr bwMode="invGray">
          <a:xfrm>
            <a:off x="1388146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8CA164DF-FAFE-45E1-917D-61DD70A59F76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37160" tIns="135000" rIns="137160" bIns="13716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9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73A4785E-2E69-A5A3-7D72-565276B4FA46}"/>
              </a:ext>
            </a:extLst>
          </p:cNvPr>
          <p:cNvSpPr txBox="1"/>
          <p:nvPr/>
        </p:nvSpPr>
        <p:spPr>
          <a:xfrm>
            <a:off x="630000" y="907201"/>
            <a:ext cx="3448800" cy="915351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459000" tIns="351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endParaRPr lang="en-US" sz="4050">
              <a:solidFill>
                <a:schemeClr val="bg1"/>
              </a:solidFill>
            </a:endParaRPr>
          </a:p>
        </p:txBody>
      </p:sp>
      <p:sp>
        <p:nvSpPr>
          <p:cNvPr id="16" name="TextBox 1">
            <a:extLst>
              <a:ext uri="{FF2B5EF4-FFF2-40B4-BE49-F238E27FC236}">
                <a16:creationId xmlns:a16="http://schemas.microsoft.com/office/drawing/2014/main" id="{24F07DAC-8141-DF9A-1C90-F259C197569B}"/>
              </a:ext>
            </a:extLst>
          </p:cNvPr>
          <p:cNvSpPr txBox="1"/>
          <p:nvPr/>
        </p:nvSpPr>
        <p:spPr>
          <a:xfrm>
            <a:off x="1412918" y="1115416"/>
            <a:ext cx="1882246" cy="6844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405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4505267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70416143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C3058F41-147C-C26F-5A24-1FF94BAD1CF2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6349202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C3058F41-147C-C26F-5A24-1FF94BAD1CF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extBox 3">
            <a:extLst>
              <a:ext uri="{FF2B5EF4-FFF2-40B4-BE49-F238E27FC236}">
                <a16:creationId xmlns:a16="http://schemas.microsoft.com/office/drawing/2014/main" id="{8AD1B0E3-223D-DD8D-438F-B046966CB6C9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7A2343DC-ECEA-B5C8-FAA4-1EE86D852DFF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EF969DDB-89AC-A244-6B7E-B9731E3DC4D9}"/>
              </a:ext>
            </a:extLst>
          </p:cNvPr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CECCF94F-8CF2-BB4E-7ABD-6AF5FD9ABAE9}"/>
              </a:ext>
            </a:extLst>
          </p:cNvPr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0261501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37885833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/>
        </p:nvSpPr>
        <p:spPr>
          <a:xfrm>
            <a:off x="2000251" y="622800"/>
            <a:ext cx="5819748" cy="35317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550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E23B4C96-EE14-74F3-89E6-57DEB0C58A1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E23B4C96-EE14-74F3-89E6-57DEB0C58A1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extBox 3">
            <a:extLst>
              <a:ext uri="{FF2B5EF4-FFF2-40B4-BE49-F238E27FC236}">
                <a16:creationId xmlns:a16="http://schemas.microsoft.com/office/drawing/2014/main" id="{7AEA19D7-C1FB-32C7-9204-74E60EC39675}"/>
              </a:ext>
            </a:extLst>
          </p:cNvPr>
          <p:cNvSpPr txBox="1"/>
          <p:nvPr/>
        </p:nvSpPr>
        <p:spPr bwMode="white">
          <a:xfrm>
            <a:off x="11167872" y="6442872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Copyright">
            <a:extLst>
              <a:ext uri="{FF2B5EF4-FFF2-40B4-BE49-F238E27FC236}">
                <a16:creationId xmlns:a16="http://schemas.microsoft.com/office/drawing/2014/main" id="{C3EAC89A-F63B-8C1F-3F21-CE065EAD7E6D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Title 1">
            <a:extLst>
              <a:ext uri="{FF2B5EF4-FFF2-40B4-BE49-F238E27FC236}">
                <a16:creationId xmlns:a16="http://schemas.microsoft.com/office/drawing/2014/main" id="{282D4086-34DC-63F4-3537-174507819C7D}"/>
              </a:ext>
            </a:extLst>
          </p:cNvPr>
          <p:cNvSpPr txBox="1">
            <a:spLocks/>
          </p:cNvSpPr>
          <p:nvPr/>
        </p:nvSpPr>
        <p:spPr>
          <a:xfrm>
            <a:off x="630001" y="622800"/>
            <a:ext cx="7189999" cy="35317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550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A711A22E-91CA-CBF8-DE73-89FA8913E1F1}"/>
              </a:ext>
            </a:extLst>
          </p:cNvPr>
          <p:cNvCxnSpPr/>
          <p:nvPr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32164454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670891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630002" y="3207717"/>
            <a:ext cx="1547143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5" y="6326129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5F40F760-672B-09CF-08C9-03CDA6A03049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5F40F760-672B-09CF-08C9-03CDA6A0304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" name="Picture 3">
            <a:extLst>
              <a:ext uri="{FF2B5EF4-FFF2-40B4-BE49-F238E27FC236}">
                <a16:creationId xmlns:a16="http://schemas.microsoft.com/office/drawing/2014/main" id="{AEA35714-0DD4-8997-128A-60DE08106EA8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B199C0E1-B810-EC34-1F48-7B95C3CE911B}"/>
              </a:ext>
            </a:extLst>
          </p:cNvPr>
          <p:cNvSpPr/>
          <p:nvPr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" name="Copyright">
            <a:extLst>
              <a:ext uri="{FF2B5EF4-FFF2-40B4-BE49-F238E27FC236}">
                <a16:creationId xmlns:a16="http://schemas.microsoft.com/office/drawing/2014/main" id="{01E3BDF6-0A4A-14BF-234B-05C0D5D1824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32EC104E-3E75-7412-7FEE-BB03BD0A3116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72C799F2-375A-E1AC-C9E4-BF5BE573726A}"/>
              </a:ext>
            </a:extLst>
          </p:cNvPr>
          <p:cNvSpPr txBox="1"/>
          <p:nvPr/>
        </p:nvSpPr>
        <p:spPr>
          <a:xfrm>
            <a:off x="630002" y="3207717"/>
            <a:ext cx="1547143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82297946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54777095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invGray">
          <a:xfrm>
            <a:off x="1388146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37160" tIns="135000" rIns="137160" bIns="13716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9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459000" tIns="351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endParaRPr lang="en-US" sz="405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/>
        </p:nvSpPr>
        <p:spPr>
          <a:xfrm>
            <a:off x="1412918" y="1347645"/>
            <a:ext cx="1882246" cy="6844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sz="4050"/>
              <a:t>Agenda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EAEEE57A-4D33-B70B-93C5-DE3BB82978E2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EAEEE57A-4D33-B70B-93C5-DE3BB82978E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pyright">
            <a:extLst>
              <a:ext uri="{FF2B5EF4-FFF2-40B4-BE49-F238E27FC236}">
                <a16:creationId xmlns:a16="http://schemas.microsoft.com/office/drawing/2014/main" id="{EC68E8AB-0283-B4BC-3F5F-6EB24082189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741E61D0-1037-CDB2-6E05-43BFA0D6A560}"/>
              </a:ext>
            </a:extLst>
          </p:cNvPr>
          <p:cNvSpPr/>
          <p:nvPr/>
        </p:nvSpPr>
        <p:spPr bwMode="invGray">
          <a:xfrm>
            <a:off x="1388146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25D96FBE-A619-992C-D914-AF294B01376A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37160" tIns="135000" rIns="137160" bIns="13716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9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991C5EE1-A215-CDDE-EC74-C0856A253B4B}"/>
              </a:ext>
            </a:extLst>
          </p:cNvPr>
          <p:cNvSpPr txBox="1"/>
          <p:nvPr/>
        </p:nvSpPr>
        <p:spPr>
          <a:xfrm>
            <a:off x="630000" y="907200"/>
            <a:ext cx="3448800" cy="915351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459000" tIns="351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endParaRPr lang="en-US" sz="4050">
              <a:solidFill>
                <a:schemeClr val="accent4"/>
              </a:solidFill>
            </a:endParaRPr>
          </a:p>
        </p:txBody>
      </p:sp>
      <p:sp>
        <p:nvSpPr>
          <p:cNvPr id="13" name="TextBox 1">
            <a:extLst>
              <a:ext uri="{FF2B5EF4-FFF2-40B4-BE49-F238E27FC236}">
                <a16:creationId xmlns:a16="http://schemas.microsoft.com/office/drawing/2014/main" id="{8E39BA82-89BD-01CA-3D6B-8F789223981B}"/>
              </a:ext>
            </a:extLst>
          </p:cNvPr>
          <p:cNvSpPr txBox="1"/>
          <p:nvPr/>
        </p:nvSpPr>
        <p:spPr>
          <a:xfrm>
            <a:off x="1412918" y="1115416"/>
            <a:ext cx="1882246" cy="6844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sz="4050"/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411139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19423219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F9BDA60-C53E-EE22-A14C-C855B6947FA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4006171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F9BDA60-C53E-EE22-A14C-C855B6947FA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pyright">
            <a:extLst>
              <a:ext uri="{FF2B5EF4-FFF2-40B4-BE49-F238E27FC236}">
                <a16:creationId xmlns:a16="http://schemas.microsoft.com/office/drawing/2014/main" id="{D03CBF8B-4986-F6B8-677D-C62E72D0BEFC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8FD9C47C-1BDD-BFAD-8F48-82CFB3A6368C}"/>
              </a:ext>
            </a:extLst>
          </p:cNvPr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9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6669A83E-5A41-02A2-AA43-799F7DFE994E}"/>
              </a:ext>
            </a:extLst>
          </p:cNvPr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15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215014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80825485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/>
        </p:nvSpPr>
        <p:spPr>
          <a:xfrm>
            <a:off x="2000251" y="622800"/>
            <a:ext cx="5819748" cy="35317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550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8A9723F-FB7D-FB0F-AE0A-C767537C1E30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8A9723F-FB7D-FB0F-AE0A-C767537C1E3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pyright">
            <a:extLst>
              <a:ext uri="{FF2B5EF4-FFF2-40B4-BE49-F238E27FC236}">
                <a16:creationId xmlns:a16="http://schemas.microsoft.com/office/drawing/2014/main" id="{94C71401-11AE-5E38-D11C-24BDC804E13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itle 1">
            <a:extLst>
              <a:ext uri="{FF2B5EF4-FFF2-40B4-BE49-F238E27FC236}">
                <a16:creationId xmlns:a16="http://schemas.microsoft.com/office/drawing/2014/main" id="{DEA3E978-42C7-8427-0C59-1306BE00E4BF}"/>
              </a:ext>
            </a:extLst>
          </p:cNvPr>
          <p:cNvSpPr txBox="1">
            <a:spLocks/>
          </p:cNvSpPr>
          <p:nvPr/>
        </p:nvSpPr>
        <p:spPr>
          <a:xfrm>
            <a:off x="630001" y="622800"/>
            <a:ext cx="7189999" cy="35317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550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8" name="Straight Connector 7">
            <a:extLst>
              <a:ext uri="{FF2B5EF4-FFF2-40B4-BE49-F238E27FC236}">
                <a16:creationId xmlns:a16="http://schemas.microsoft.com/office/drawing/2014/main" id="{309FE045-D4F5-416A-91C6-6F36EC11D654}"/>
              </a:ext>
            </a:extLst>
          </p:cNvPr>
          <p:cNvCxnSpPr/>
          <p:nvPr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9895916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23974978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30002" y="3262147"/>
            <a:ext cx="1161047" cy="2492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18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5" y="6326129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2658"/>
            <a:ext cx="1550283" cy="403326"/>
          </a:xfrm>
          <a:prstGeom prst="rect">
            <a:avLst/>
          </a:prstGeom>
        </p:spPr>
      </p:pic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FD1485B-BA1D-8E92-671E-B1B7E217E31E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FD1485B-BA1D-8E92-671E-B1B7E217E31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" name="Picture 3">
            <a:extLst>
              <a:ext uri="{FF2B5EF4-FFF2-40B4-BE49-F238E27FC236}">
                <a16:creationId xmlns:a16="http://schemas.microsoft.com/office/drawing/2014/main" id="{327C967D-82BB-B077-05FE-9725B66A37C6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73DB369B-47AF-5E40-A874-8814610B31FC}"/>
              </a:ext>
            </a:extLst>
          </p:cNvPr>
          <p:cNvSpPr/>
          <p:nvPr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" name="Copyright">
            <a:extLst>
              <a:ext uri="{FF2B5EF4-FFF2-40B4-BE49-F238E27FC236}">
                <a16:creationId xmlns:a16="http://schemas.microsoft.com/office/drawing/2014/main" id="{E567FD58-EADF-45B7-362A-2463A847F1C6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489C87F-5A5E-6823-77C8-FC95592032CA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437318B-582B-899F-1D69-83354EF3DE65}"/>
              </a:ext>
            </a:extLst>
          </p:cNvPr>
          <p:cNvSpPr txBox="1"/>
          <p:nvPr/>
        </p:nvSpPr>
        <p:spPr>
          <a:xfrm>
            <a:off x="630002" y="3262147"/>
            <a:ext cx="1161047" cy="2492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180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2974992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21934084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821109"/>
            <a:ext cx="2819400" cy="127541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525"/>
              </a:spcAft>
              <a:buFontTx/>
              <a:buNone/>
            </a:pPr>
            <a:r>
              <a:rPr lang="en-US" sz="405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B981564-B06B-276F-6D89-144F94F9DEA9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B981564-B06B-276F-6D89-144F94F9DEA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Freeform 12">
            <a:extLst>
              <a:ext uri="{FF2B5EF4-FFF2-40B4-BE49-F238E27FC236}">
                <a16:creationId xmlns:a16="http://schemas.microsoft.com/office/drawing/2014/main" id="{0513A3DB-265C-BD25-8131-13E5569DA9D6}"/>
              </a:ext>
            </a:extLst>
          </p:cNvPr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6FF61D4E-5989-7317-BEB5-2F40EE248D73}"/>
              </a:ext>
            </a:extLst>
          </p:cNvPr>
          <p:cNvSpPr txBox="1"/>
          <p:nvPr/>
        </p:nvSpPr>
        <p:spPr>
          <a:xfrm>
            <a:off x="630000" y="2821109"/>
            <a:ext cx="2819400" cy="127541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525"/>
              </a:spcAft>
              <a:buFontTx/>
              <a:buNone/>
            </a:pPr>
            <a:r>
              <a:rPr lang="en-US" sz="405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6" name="Copyright">
            <a:extLst>
              <a:ext uri="{FF2B5EF4-FFF2-40B4-BE49-F238E27FC236}">
                <a16:creationId xmlns:a16="http://schemas.microsoft.com/office/drawing/2014/main" id="{ADBA4B53-967B-480A-98C6-47FBEAE3CE38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D96FE4F3-6795-51BC-1C7F-140120E8CEB3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42F9A5A5-1BCA-3ECA-621A-B99C722E344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5092727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2101988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A087BCE0-8F63-0A19-1407-C6D70E2032B5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35159777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80771838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/>
        </p:nvSpPr>
        <p:spPr bwMode="white">
          <a:xfrm>
            <a:off x="2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2" y="3533783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9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2"/>
            <a:ext cx="6731335" cy="2492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8004110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5120">
          <p15:clr>
            <a:srgbClr val="FBAE40"/>
          </p15:clr>
        </p15:guide>
      </p15:sldGuideLst>
    </p:ext>
  </p:extLst>
</p:sldLayout>
</file>

<file path=ppt/slideLayouts/slideLayout3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>
            <a:extLst>
              <a:ext uri="{FF2B5EF4-FFF2-40B4-BE49-F238E27FC236}">
                <a16:creationId xmlns:a16="http://schemas.microsoft.com/office/drawing/2014/main" id="{F5F6405D-70AC-D5EE-2FF9-676D83EAACC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97570"/>
            <a:ext cx="10515600" cy="249299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8" name="Content Placeholder 2">
            <a:extLst>
              <a:ext uri="{FF2B5EF4-FFF2-40B4-BE49-F238E27FC236}">
                <a16:creationId xmlns:a16="http://schemas.microsoft.com/office/drawing/2014/main" id="{3180A132-83E7-E859-1DBC-654CA44CF6F2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560443"/>
            <a:ext cx="10515600" cy="4616520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9" name="Date Placeholder 3">
            <a:extLst>
              <a:ext uri="{FF2B5EF4-FFF2-40B4-BE49-F238E27FC236}">
                <a16:creationId xmlns:a16="http://schemas.microsoft.com/office/drawing/2014/main" id="{B0FF59CB-3BC5-8CCE-4484-E5EFBAD9006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597409"/>
            <a:ext cx="2743200" cy="230832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00">
                <a:solidFill>
                  <a:schemeClr val="tx1">
                    <a:tint val="75000"/>
                  </a:schemeClr>
                </a:solidFill>
                <a:latin typeface="Trebuchet MS" panose="020B0603020202020204" pitchFamily="34" charset="0"/>
              </a:defRPr>
            </a:lvl1pPr>
          </a:lstStyle>
          <a:p>
            <a:fld id="{A58E6A28-2C91-4631-B390-9FCD0226A1ED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10" name="Footer Placeholder 4">
            <a:extLst>
              <a:ext uri="{FF2B5EF4-FFF2-40B4-BE49-F238E27FC236}">
                <a16:creationId xmlns:a16="http://schemas.microsoft.com/office/drawing/2014/main" id="{A79369F8-4CD1-8FF9-84CA-27C8F3B1F333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604825"/>
            <a:ext cx="4114800" cy="21600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00">
                <a:solidFill>
                  <a:srgbClr val="FF0000"/>
                </a:solidFill>
                <a:latin typeface="Trebuchet MS" panose="020B0603020202020204" pitchFamily="34" charset="0"/>
              </a:defRPr>
            </a:lvl1pPr>
          </a:lstStyle>
          <a:p>
            <a:endParaRPr lang="en-IN"/>
          </a:p>
        </p:txBody>
      </p:sp>
      <p:sp>
        <p:nvSpPr>
          <p:cNvPr id="11" name="Slide Number Placeholder 5">
            <a:extLst>
              <a:ext uri="{FF2B5EF4-FFF2-40B4-BE49-F238E27FC236}">
                <a16:creationId xmlns:a16="http://schemas.microsoft.com/office/drawing/2014/main" id="{82215182-A3AA-4A6A-3DF5-FAAC2715831F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604825"/>
            <a:ext cx="2743200" cy="21600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1">
                    <a:tint val="75000"/>
                  </a:schemeClr>
                </a:solidFill>
                <a:latin typeface="Trebuchet MS" panose="020B0603020202020204" pitchFamily="34" charset="0"/>
              </a:defRPr>
            </a:lvl1pPr>
          </a:lstStyle>
          <a:p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148442173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089475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20D0C8F4-D00E-FCA5-0C93-BEC2BD69C1FC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9437310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Banner">
    <p:bg>
      <p:bgPr>
        <a:solidFill>
          <a:schemeClr val="bg1">
            <a:alpha val="8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Picture Placeholder 11">
            <a:extLst>
              <a:ext uri="{FF2B5EF4-FFF2-40B4-BE49-F238E27FC236}">
                <a16:creationId xmlns:a16="http://schemas.microsoft.com/office/drawing/2014/main" id="{6CD8CD75-6EB9-63FD-BE3A-4B5C3A1BF46F}"/>
              </a:ext>
            </a:extLst>
          </p:cNvPr>
          <p:cNvSpPr>
            <a:spLocks noGrp="1"/>
          </p:cNvSpPr>
          <p:nvPr>
            <p:ph type="pic" sz="quarter" idx="14" hasCustomPrompt="1"/>
          </p:nvPr>
        </p:nvSpPr>
        <p:spPr>
          <a:xfrm>
            <a:off x="-2" y="-7070"/>
            <a:ext cx="12192001" cy="3367725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nl-BE"/>
              <a:t> 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848D734-64F7-4EAD-848D-BBE864C7ACA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DC0E4C3-45EC-41CA-A181-267F66D5881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ECA1A946-C4A7-49E2-996F-99E68C7F5C9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2E8B2B89-7C98-0C7F-0DA1-A1B84F3BB001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838200" y="3572759"/>
            <a:ext cx="10515600" cy="2606099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20" name="Text Placeholder 19">
            <a:extLst>
              <a:ext uri="{FF2B5EF4-FFF2-40B4-BE49-F238E27FC236}">
                <a16:creationId xmlns:a16="http://schemas.microsoft.com/office/drawing/2014/main" id="{14D9FDB7-C5E8-7B49-4FBC-67FF77204498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9705457" y="-7070"/>
            <a:ext cx="1880559" cy="3367725"/>
          </a:xfrm>
          <a:blipFill>
            <a:blip r:embed="rId2"/>
            <a:stretch>
              <a:fillRect/>
            </a:stretch>
          </a:blipFill>
          <a:ln w="57150">
            <a:noFill/>
          </a:ln>
          <a:effectLst>
            <a:outerShdw sx="118000" sy="118000" algn="ctr" rotWithShape="0">
              <a:schemeClr val="bg1">
                <a:lumMod val="95000"/>
              </a:schemeClr>
            </a:outerShdw>
          </a:effectLst>
        </p:spPr>
        <p:txBody>
          <a:bodyPr/>
          <a:lstStyle>
            <a:lvl1pPr marL="0" indent="0">
              <a:buNone/>
              <a:defRPr/>
            </a:lvl1pPr>
          </a:lstStyle>
          <a:p>
            <a:pPr lvl="0"/>
            <a:r>
              <a:rPr lang="nl-BE"/>
              <a:t> </a:t>
            </a:r>
            <a:endParaRPr lang="en-IN"/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370CBD3C-5829-DCB2-4FC6-96580C1D550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1" y="2488675"/>
            <a:ext cx="4412529" cy="727653"/>
          </a:xfrm>
          <a:prstGeom prst="homePlate">
            <a:avLst/>
          </a:prstGeom>
          <a:solidFill>
            <a:srgbClr val="C00000">
              <a:alpha val="60000"/>
            </a:srgbClr>
          </a:solidFill>
        </p:spPr>
        <p:txBody>
          <a:bodyPr>
            <a:normAutofit/>
          </a:bodyPr>
          <a:lstStyle>
            <a:lvl1pPr>
              <a:defRPr sz="3200">
                <a:solidFill>
                  <a:schemeClr val="bg1">
                    <a:lumMod val="85000"/>
                  </a:schemeClr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394514342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3" name="Textfeld 1">
            <a:extLst>
              <a:ext uri="{FF2B5EF4-FFF2-40B4-BE49-F238E27FC236}">
                <a16:creationId xmlns:a16="http://schemas.microsoft.com/office/drawing/2014/main" id="{FF5E3DBF-9439-A7C8-D19C-5FA48CE742BA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27663081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2384700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532CA23-84F9-FC20-82D8-519483247077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</p:spTree>
    <p:extLst>
      <p:ext uri="{BB962C8B-B14F-4D97-AF65-F5344CB8AC3E}">
        <p14:creationId xmlns:p14="http://schemas.microsoft.com/office/powerpoint/2010/main" val="17968644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706593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757826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660633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80145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</a:t>
                </a:r>
                <a:r>
                  <a:rPr lang="en-US" sz="800" err="1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xxxx</a:t>
                </a: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  2. </a:t>
                </a:r>
                <a:r>
                  <a:rPr lang="en-US" sz="800" err="1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xxxx</a:t>
                </a: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40448041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780440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6345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089218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286248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193111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mall Bann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Picture Placeholder 11">
            <a:extLst>
              <a:ext uri="{FF2B5EF4-FFF2-40B4-BE49-F238E27FC236}">
                <a16:creationId xmlns:a16="http://schemas.microsoft.com/office/drawing/2014/main" id="{6CD8CD75-6EB9-63FD-BE3A-4B5C3A1BF46F}"/>
              </a:ext>
            </a:extLst>
          </p:cNvPr>
          <p:cNvSpPr>
            <a:spLocks noGrp="1"/>
          </p:cNvSpPr>
          <p:nvPr>
            <p:ph type="pic" sz="quarter" idx="14" hasCustomPrompt="1"/>
          </p:nvPr>
        </p:nvSpPr>
        <p:spPr>
          <a:xfrm>
            <a:off x="-1" y="-7070"/>
            <a:ext cx="10515600" cy="2457605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nl-BE"/>
              <a:t> </a:t>
            </a:r>
            <a:endParaRPr lang="en-IN"/>
          </a:p>
        </p:txBody>
      </p:sp>
      <p:sp>
        <p:nvSpPr>
          <p:cNvPr id="24" name="Text Placeholder 23">
            <a:extLst>
              <a:ext uri="{FF2B5EF4-FFF2-40B4-BE49-F238E27FC236}">
                <a16:creationId xmlns:a16="http://schemas.microsoft.com/office/drawing/2014/main" id="{E690229A-3490-77D3-9E54-2BA22E536AB1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 rot="20598917">
            <a:off x="9065062" y="2451793"/>
            <a:ext cx="1633608" cy="1035995"/>
          </a:xfrm>
          <a:prstGeom prst="parallelogram">
            <a:avLst>
              <a:gd name="adj" fmla="val 66454"/>
            </a:avLst>
          </a:prstGeom>
          <a:solidFill>
            <a:schemeClr val="bg1"/>
          </a:solidFill>
        </p:spPr>
        <p:txBody>
          <a:bodyPr/>
          <a:lstStyle>
            <a:lvl1pPr marL="0" indent="0">
              <a:buNone/>
              <a:defRPr/>
            </a:lvl1pPr>
          </a:lstStyle>
          <a:p>
            <a:pPr lvl="0"/>
            <a:r>
              <a:rPr lang="nl-BE"/>
              <a:t> 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848D734-64F7-4EAD-848D-BBE864C7ACA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DC0E4C3-45EC-41CA-A181-267F66D5881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ECA1A946-C4A7-49E2-996F-99E68C7F5C9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  <p:sp>
        <p:nvSpPr>
          <p:cNvPr id="20" name="Text Placeholder 19">
            <a:extLst>
              <a:ext uri="{FF2B5EF4-FFF2-40B4-BE49-F238E27FC236}">
                <a16:creationId xmlns:a16="http://schemas.microsoft.com/office/drawing/2014/main" id="{14D9FDB7-C5E8-7B49-4FBC-67FF77204498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9705457" y="-7070"/>
            <a:ext cx="1880559" cy="3367725"/>
          </a:xfrm>
          <a:blipFill>
            <a:blip r:embed="rId2"/>
            <a:stretch>
              <a:fillRect/>
            </a:stretch>
          </a:blipFill>
          <a:ln w="31750">
            <a:noFill/>
          </a:ln>
          <a:effectLst>
            <a:outerShdw dist="38100" dir="12000000" sx="105000" sy="105000" algn="tr" rotWithShape="0">
              <a:schemeClr val="bg1"/>
            </a:outerShdw>
          </a:effectLst>
        </p:spPr>
        <p:txBody>
          <a:bodyPr/>
          <a:lstStyle>
            <a:lvl1pPr marL="0" indent="0">
              <a:buNone/>
              <a:defRPr/>
            </a:lvl1pPr>
          </a:lstStyle>
          <a:p>
            <a:pPr lvl="0"/>
            <a:r>
              <a:rPr lang="nl-BE"/>
              <a:t> </a:t>
            </a:r>
            <a:endParaRPr lang="en-IN"/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C19440B5-D986-063A-B19D-D6C7ECCD5B0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535" y="1932495"/>
            <a:ext cx="5237768" cy="518040"/>
          </a:xfrm>
          <a:prstGeom prst="homePlate">
            <a:avLst/>
          </a:prstGeom>
          <a:solidFill>
            <a:srgbClr val="C00000">
              <a:alpha val="80000"/>
            </a:srgbClr>
          </a:solidFill>
        </p:spPr>
        <p:txBody>
          <a:bodyPr lIns="936000">
            <a:normAutofit/>
          </a:bodyPr>
          <a:lstStyle>
            <a:lvl1pPr>
              <a:defRPr sz="2400">
                <a:solidFill>
                  <a:schemeClr val="bg1">
                    <a:lumMod val="85000"/>
                  </a:schemeClr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2E8B2B89-7C98-0C7F-0DA1-A1B84F3BB001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838201" y="2618913"/>
            <a:ext cx="8376820" cy="3559945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92362721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441458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1128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879669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684520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0736070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3051645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3488644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67832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836833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830457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6731256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2924459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71B7E0B-B9AB-4B09-9FA8-8F241C6C772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  <a:prstGeom prst="rect">
            <a:avLst/>
          </a:prstGeo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AE0DC009-8F5D-4B01-9AF1-49AF4E050F7D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5F14F7DC-3B4D-4A95-890A-3EE5422BCE4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993FF639-381D-4943-A7F9-5482099F3C7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B0B07293-A1E5-4593-B503-BB95BD7F4AF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51971891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315953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4224666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43734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274833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372297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401162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43125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130179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96593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63291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981093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949518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199432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540223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1DB2C72-5C31-4847-8CD8-188EAF2876B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594804"/>
            <a:ext cx="10515600" cy="1095884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9DC00F5E-95BE-443B-9074-342A83E1E593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9EC6D343-039E-44AC-AD8D-0A77F89D7DB6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BD9C2589-3C14-47E7-A740-7EC315AA84E8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8E433748-DB03-41A2-8FAE-7F5E289C56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5A42C3E9-0E41-40A0-B320-10F1519A46F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864484635"/>
      </p:ext>
    </p:extLst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4427792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817989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6178523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322735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265033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545014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</a:t>
                </a:r>
                <a:r>
                  <a:rPr lang="en-US" sz="800" err="1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xxxx</a:t>
                </a: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  2. </a:t>
                </a:r>
                <a:r>
                  <a:rPr lang="en-US" sz="800" err="1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xxxx</a:t>
                </a: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9929833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966279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17310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2491335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302233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6165635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555850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625905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25871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3D02468-7FCF-4FDF-A74C-CB2240AB3A1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594804"/>
            <a:ext cx="10515600" cy="1095884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E0E243AA-B4B1-4103-A9B8-22071B4E6A17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80E04929-F75F-44CF-A232-AD0554FBC2A2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B00827F4-EB25-451E-AE39-24B2360FFD7F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D8BF4AA1-2369-43E6-A207-7E7558064635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E03F3335-9B92-46D8-9D35-449EA4FD416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BC7791CD-F999-4893-94A3-13D588DA595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6C2DC15D-A64C-4F8C-B5DA-1840A321BD0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352652731"/>
      </p:ext>
    </p:extLst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0357141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0677767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0092972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373766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1511955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72630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0184410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5849805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43004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216996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4684360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4390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8455663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48215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0615787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833046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3056107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0238248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1208697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5447575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93CF90B-3E15-4F7E-BB5F-299B1B0F144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603682"/>
            <a:ext cx="10515600" cy="1087006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C6F4AAD7-1A55-4EF2-B2E9-061838DB719C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D88CA981-8C39-4EC6-A9CA-0C480F1F0E2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0A762AA3-31AA-402A-B34F-1D493ADEF85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021201011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1740329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8554494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6883915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5200282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5348418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89485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0923558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28873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807718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4920347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AD80251-A270-4E06-8B61-B004C2D48B3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A948398B-5712-4392-BF79-C2DB66C9F66F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323100"/>
            <a:ext cx="5181600" cy="4861943"/>
          </a:xfrm>
        </p:spPr>
        <p:txBody>
          <a:bodyPr/>
          <a:lstStyle>
            <a:lvl5pPr>
              <a:defRPr sz="16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D0F195B1-4716-4861-9204-52610EDF3806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323100"/>
            <a:ext cx="5181600" cy="4861943"/>
          </a:xfrm>
        </p:spPr>
        <p:txBody>
          <a:bodyPr/>
          <a:lstStyle>
            <a:lvl5pPr>
              <a:defRPr sz="16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D1FE1935-7105-430F-946D-71B46775561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DA8D8781-F333-4946-AF18-7BA11951484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1D2EEE2-BEA9-4B3C-953F-0D7A8D5BA1CE}" type="slidenum">
              <a:rPr lang="en-US" smtClean="0"/>
              <a:t>‹#›</a:t>
            </a:fld>
            <a:endParaRPr lang="en-US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16A1896A-BA8D-431F-95F6-F392024CFB6D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275568" y="5486400"/>
            <a:ext cx="916432" cy="1371600"/>
          </a:xfrm>
          <a:prstGeom prst="rect">
            <a:avLst/>
          </a:prstGeom>
        </p:spPr>
      </p:pic>
      <p:sp>
        <p:nvSpPr>
          <p:cNvPr id="10" name="Date Placeholder 3">
            <a:extLst>
              <a:ext uri="{FF2B5EF4-FFF2-40B4-BE49-F238E27FC236}">
                <a16:creationId xmlns:a16="http://schemas.microsoft.com/office/drawing/2014/main" id="{02CCEED1-031C-4747-8FF8-BCC4F185F4DB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604608" y="6361062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lang="en-US" sz="1200" smtClean="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D0E9FF1F-FEB2-4F66-8B9B-5D7410AEB099}" type="datetime1">
              <a:rPr lang="en-IN" smtClean="0"/>
              <a:t>28-05-2025</a:t>
            </a:fld>
            <a:endParaRPr lang="nl-BE"/>
          </a:p>
        </p:txBody>
      </p:sp>
      <p:pic>
        <p:nvPicPr>
          <p:cNvPr id="5" name="Picture 4" descr="Logo&#10;&#10;Description automatically generated">
            <a:extLst>
              <a:ext uri="{FF2B5EF4-FFF2-40B4-BE49-F238E27FC236}">
                <a16:creationId xmlns:a16="http://schemas.microsoft.com/office/drawing/2014/main" id="{8BCF6980-2B7E-16A0-F837-8D71310227EA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193840" y="327617"/>
            <a:ext cx="1708369" cy="56031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5917574"/>
      </p:ext>
    </p:extLst>
  </p:cSld>
  <p:clrMapOvr>
    <a:masterClrMapping/>
  </p:clrMapOvr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06400" y="1110463"/>
            <a:ext cx="10515600" cy="4351338"/>
          </a:xfrm>
        </p:spPr>
        <p:txBody>
          <a:bodyPr/>
          <a:lstStyle>
            <a:lvl5pPr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0F64E7-4CAD-4115-A22A-3CC70AA6344F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1D1FCB6-DF89-42A9-B7BC-A2000AE48D33}" type="slidenum">
              <a:rPr lang="en-IN" smtClean="0"/>
              <a:t>‹#›</a:t>
            </a:fld>
            <a:endParaRPr lang="en-IN"/>
          </a:p>
        </p:txBody>
      </p:sp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C931B419-2E29-09FD-430D-DE253A31C26A}"/>
              </a:ext>
            </a:extLst>
          </p:cNvPr>
          <p:cNvCxnSpPr>
            <a:cxnSpLocks/>
          </p:cNvCxnSpPr>
          <p:nvPr/>
        </p:nvCxnSpPr>
        <p:spPr>
          <a:xfrm>
            <a:off x="139701" y="723900"/>
            <a:ext cx="11869420" cy="0"/>
          </a:xfrm>
          <a:prstGeom prst="line">
            <a:avLst/>
          </a:prstGeom>
          <a:ln w="1905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BE02E117-8ED3-3291-050B-BC1C302F5915}"/>
              </a:ext>
            </a:extLst>
          </p:cNvPr>
          <p:cNvCxnSpPr>
            <a:cxnSpLocks/>
          </p:cNvCxnSpPr>
          <p:nvPr/>
        </p:nvCxnSpPr>
        <p:spPr>
          <a:xfrm>
            <a:off x="266701" y="6267450"/>
            <a:ext cx="11657076" cy="0"/>
          </a:xfrm>
          <a:prstGeom prst="line">
            <a:avLst/>
          </a:prstGeom>
          <a:ln w="1905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Title 1">
            <a:extLst>
              <a:ext uri="{FF2B5EF4-FFF2-40B4-BE49-F238E27FC236}">
                <a16:creationId xmlns:a16="http://schemas.microsoft.com/office/drawing/2014/main" id="{93CE8BE2-339E-4AD4-EA58-BAC74D9B15A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019808" y="0"/>
            <a:ext cx="10172192" cy="713232"/>
          </a:xfrm>
        </p:spPr>
        <p:txBody>
          <a:bodyPr>
            <a:noAutofit/>
          </a:bodyPr>
          <a:lstStyle>
            <a:lvl1pPr>
              <a:defRPr b="1"/>
            </a:lvl1pPr>
          </a:lstStyle>
          <a:p>
            <a:r>
              <a:rPr lang="en-US" sz="2800" b="1"/>
              <a:t>Click to edit Master title style</a:t>
            </a:r>
            <a:endParaRPr lang="en-IN" sz="2800" b="1"/>
          </a:p>
        </p:txBody>
      </p:sp>
    </p:spTree>
    <p:extLst>
      <p:ext uri="{BB962C8B-B14F-4D97-AF65-F5344CB8AC3E}">
        <p14:creationId xmlns:p14="http://schemas.microsoft.com/office/powerpoint/2010/main" val="4110121060"/>
      </p:ext>
    </p:extLst>
  </p:cSld>
  <p:clrMapOvr>
    <a:masterClrMapping/>
  </p:clrMapOvr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13D201A-9DA8-DB84-7FE9-4E715DBA5A3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4B81C770-0E6D-C998-90C4-83BC4B39E83B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AA9CADD-0F51-C184-2EF8-2723AE119CF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CC0B3F3-C496-4C08-8F3B-356613ED4F01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E332D01F-2889-A1B2-54FF-9F4AA33E917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73942604-76C5-C6D3-B11A-DEE898F40FC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F9966D4-1F64-42D7-B1B4-5DC3A92B8B21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813107388"/>
      </p:ext>
    </p:extLst>
  </p:cSld>
  <p:clrMapOvr>
    <a:masterClrMapping/>
  </p:clrMapOvr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10591353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 descr="Background pattern&#10;&#10;Description automatically generated">
            <a:extLst>
              <a:ext uri="{FF2B5EF4-FFF2-40B4-BE49-F238E27FC236}">
                <a16:creationId xmlns:a16="http://schemas.microsoft.com/office/drawing/2014/main" id="{76102CE6-44EB-4F0C-AFC8-016AA9CE6BE5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alphaModFix/>
          </a:blip>
          <a:srcRect t="7804" b="7804"/>
          <a:stretch/>
        </p:blipFill>
        <p:spPr>
          <a:xfrm flipH="1">
            <a:off x="-1" y="0"/>
            <a:ext cx="12192000" cy="6858000"/>
          </a:xfrm>
          <a:prstGeom prst="rect">
            <a:avLst/>
          </a:prstGeom>
        </p:spPr>
      </p:pic>
      <p:sp>
        <p:nvSpPr>
          <p:cNvPr id="59" name="Parallelogram 58">
            <a:extLst>
              <a:ext uri="{FF2B5EF4-FFF2-40B4-BE49-F238E27FC236}">
                <a16:creationId xmlns:a16="http://schemas.microsoft.com/office/drawing/2014/main" id="{4216D125-6937-46FC-BEB0-E1BCBC3E6DF7}"/>
              </a:ext>
            </a:extLst>
          </p:cNvPr>
          <p:cNvSpPr/>
          <p:nvPr/>
        </p:nvSpPr>
        <p:spPr bwMode="black">
          <a:xfrm>
            <a:off x="8545508" y="1488060"/>
            <a:ext cx="2846389" cy="5369940"/>
          </a:xfrm>
          <a:prstGeom prst="parallelogram">
            <a:avLst>
              <a:gd name="adj" fmla="val 47699"/>
            </a:avLst>
          </a:prstGeom>
          <a:solidFill>
            <a:srgbClr val="ED1D24">
              <a:alpha val="61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9" name="Parallelogram 38">
            <a:extLst>
              <a:ext uri="{FF2B5EF4-FFF2-40B4-BE49-F238E27FC236}">
                <a16:creationId xmlns:a16="http://schemas.microsoft.com/office/drawing/2014/main" id="{64493FB8-0591-43CA-9898-D4DD63E9E607}"/>
              </a:ext>
            </a:extLst>
          </p:cNvPr>
          <p:cNvSpPr/>
          <p:nvPr/>
        </p:nvSpPr>
        <p:spPr bwMode="black">
          <a:xfrm>
            <a:off x="8454068" y="0"/>
            <a:ext cx="2846389" cy="5369940"/>
          </a:xfrm>
          <a:prstGeom prst="parallelogram">
            <a:avLst>
              <a:gd name="adj" fmla="val 47699"/>
            </a:avLst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Rectangle 2" hidden="1"/>
          <p:cNvSpPr/>
          <p:nvPr>
            <p:custDataLst>
              <p:tags r:id="rId2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405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1" name="Freeform: Shape 50">
            <a:extLst>
              <a:ext uri="{FF2B5EF4-FFF2-40B4-BE49-F238E27FC236}">
                <a16:creationId xmlns:a16="http://schemas.microsoft.com/office/drawing/2014/main" id="{C09FB0A7-2EA7-43BA-8A8F-7E0C2CD590C9}"/>
              </a:ext>
            </a:extLst>
          </p:cNvPr>
          <p:cNvSpPr/>
          <p:nvPr/>
        </p:nvSpPr>
        <p:spPr bwMode="black">
          <a:xfrm>
            <a:off x="-4499" y="1488060"/>
            <a:ext cx="10413417" cy="4117298"/>
          </a:xfrm>
          <a:custGeom>
            <a:avLst/>
            <a:gdLst>
              <a:gd name="connsiteX0" fmla="*/ 0 w 10413417"/>
              <a:gd name="connsiteY0" fmla="*/ 0 h 4117298"/>
              <a:gd name="connsiteX1" fmla="*/ 10413417 w 10413417"/>
              <a:gd name="connsiteY1" fmla="*/ 0 h 4117298"/>
              <a:gd name="connsiteX2" fmla="*/ 9384092 w 10413417"/>
              <a:gd name="connsiteY2" fmla="*/ 4117298 h 4117298"/>
              <a:gd name="connsiteX3" fmla="*/ 0 w 10413417"/>
              <a:gd name="connsiteY3" fmla="*/ 4117298 h 4117298"/>
              <a:gd name="connsiteX4" fmla="*/ 0 w 10413417"/>
              <a:gd name="connsiteY4" fmla="*/ 0 h 411729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413417" h="4117298">
                <a:moveTo>
                  <a:pt x="0" y="0"/>
                </a:moveTo>
                <a:lnTo>
                  <a:pt x="10413417" y="0"/>
                </a:lnTo>
                <a:lnTo>
                  <a:pt x="9384092" y="4117298"/>
                </a:lnTo>
                <a:lnTo>
                  <a:pt x="0" y="4117298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500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4" name="Text Placeholder 6">
            <a:extLst>
              <a:ext uri="{FF2B5EF4-FFF2-40B4-BE49-F238E27FC236}">
                <a16:creationId xmlns:a16="http://schemas.microsoft.com/office/drawing/2014/main" id="{FFF5299E-539F-4059-A36B-ABA4F0822225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564396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900" b="1" cap="all" baseline="0">
                <a:solidFill>
                  <a:schemeClr val="tx1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171450" indent="0" algn="ctr">
              <a:buNone/>
              <a:defRPr/>
            </a:lvl4pPr>
            <a:lvl5pPr marL="342900" indent="0" algn="ctr">
              <a:buNone/>
              <a:defRPr/>
            </a:lvl5pPr>
          </a:lstStyle>
          <a:p>
            <a:pPr lvl="0"/>
            <a:r>
              <a:rPr lang="en-US"/>
              <a:t>Click to edit date/place</a:t>
            </a:r>
          </a:p>
        </p:txBody>
      </p:sp>
      <p:sp>
        <p:nvSpPr>
          <p:cNvPr id="28" name="Subtitle 2">
            <a:extLst>
              <a:ext uri="{FF2B5EF4-FFF2-40B4-BE49-F238E27FC236}">
                <a16:creationId xmlns:a16="http://schemas.microsoft.com/office/drawing/2014/main" id="{48C69496-98E5-4D15-895D-9714FC81C558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4664305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200" baseline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/>
              <a:t>Subtitle in sentence case</a:t>
            </a:r>
          </a:p>
        </p:txBody>
      </p:sp>
      <p:sp>
        <p:nvSpPr>
          <p:cNvPr id="29" name="Title 1">
            <a:extLst>
              <a:ext uri="{FF2B5EF4-FFF2-40B4-BE49-F238E27FC236}">
                <a16:creationId xmlns:a16="http://schemas.microsoft.com/office/drawing/2014/main" id="{ADC26D99-1A0C-40C4-93C6-17C36E87E09F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4"/>
            <a:ext cx="6868800" cy="2485841"/>
          </a:xfrm>
          <a:prstGeom prst="rect">
            <a:avLst/>
          </a:prstGeom>
        </p:spPr>
        <p:txBody>
          <a:bodyPr vert="horz" anchor="b">
            <a:normAutofit/>
          </a:bodyPr>
          <a:lstStyle>
            <a:lvl1pPr algn="l">
              <a:lnSpc>
                <a:spcPct val="93000"/>
              </a:lnSpc>
              <a:defRPr sz="405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Title in Title Case</a:t>
            </a: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25516718-0D45-4053-B2DF-55885F50CFC6}"/>
              </a:ext>
            </a:extLst>
          </p:cNvPr>
          <p:cNvGrpSpPr/>
          <p:nvPr/>
        </p:nvGrpSpPr>
        <p:grpSpPr>
          <a:xfrm>
            <a:off x="628651" y="555288"/>
            <a:ext cx="3908023" cy="962690"/>
            <a:chOff x="8558189" y="110692"/>
            <a:chExt cx="2378761" cy="585977"/>
          </a:xfrm>
        </p:grpSpPr>
        <p:cxnSp>
          <p:nvCxnSpPr>
            <p:cNvPr id="30" name="Straight Connector 29">
              <a:extLst>
                <a:ext uri="{FF2B5EF4-FFF2-40B4-BE49-F238E27FC236}">
                  <a16:creationId xmlns:a16="http://schemas.microsoft.com/office/drawing/2014/main" id="{1CC1ED8F-83BF-412C-9762-DABCB2F28161}"/>
                </a:ext>
              </a:extLst>
            </p:cNvPr>
            <p:cNvCxnSpPr>
              <a:cxnSpLocks/>
            </p:cNvCxnSpPr>
            <p:nvPr/>
          </p:nvCxnSpPr>
          <p:spPr>
            <a:xfrm>
              <a:off x="9758109" y="261509"/>
              <a:ext cx="0" cy="284343"/>
            </a:xfrm>
            <a:prstGeom prst="line">
              <a:avLst/>
            </a:prstGeom>
            <a:ln w="9525" cap="rnd">
              <a:solidFill>
                <a:schemeClr val="tx1">
                  <a:lumMod val="60000"/>
                  <a:lumOff val="40000"/>
                </a:schemeClr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31" name="Group 30">
              <a:extLst>
                <a:ext uri="{FF2B5EF4-FFF2-40B4-BE49-F238E27FC236}">
                  <a16:creationId xmlns:a16="http://schemas.microsoft.com/office/drawing/2014/main" id="{4D6D55A0-9AD8-4004-8405-6408AD3D7F55}"/>
                </a:ext>
              </a:extLst>
            </p:cNvPr>
            <p:cNvGrpSpPr/>
            <p:nvPr/>
          </p:nvGrpSpPr>
          <p:grpSpPr>
            <a:xfrm>
              <a:off x="8558189" y="110692"/>
              <a:ext cx="2378761" cy="585977"/>
              <a:chOff x="8188812" y="13712"/>
              <a:chExt cx="3166131" cy="779936"/>
            </a:xfrm>
          </p:grpSpPr>
          <p:pic>
            <p:nvPicPr>
              <p:cNvPr id="32" name="Picture 8">
                <a:extLst>
                  <a:ext uri="{FF2B5EF4-FFF2-40B4-BE49-F238E27FC236}">
                    <a16:creationId xmlns:a16="http://schemas.microsoft.com/office/drawing/2014/main" id="{0934FA06-27EF-4D39-B8F8-CEB08619EB02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7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8188812" y="13712"/>
                <a:ext cx="1403885" cy="779936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33" name="Picture 10" descr="LOGO - SVOLT">
                <a:extLst>
                  <a:ext uri="{FF2B5EF4-FFF2-40B4-BE49-F238E27FC236}">
                    <a16:creationId xmlns:a16="http://schemas.microsoft.com/office/drawing/2014/main" id="{6C086614-E3F1-4CE7-96B1-7D596AE25931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8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9979114" y="177063"/>
                <a:ext cx="1375829" cy="355601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</p:grpSp>
    </p:spTree>
    <p:extLst>
      <p:ext uri="{BB962C8B-B14F-4D97-AF65-F5344CB8AC3E}">
        <p14:creationId xmlns:p14="http://schemas.microsoft.com/office/powerpoint/2010/main" val="20248752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62BE1D45-6B01-4ED4-90C8-DFF16575F74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95644562"/>
              </p:ext>
            </p:extLst>
          </p:nvPr>
        </p:nvGraphicFramePr>
        <p:xfrm>
          <a:off x="1589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62BE1D45-6B01-4ED4-90C8-DFF16575F74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C2CA43F3-1813-4A01-B73F-7C0B61EAA2BE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DB2026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55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740524"/>
            <a:ext cx="10933200" cy="353174"/>
          </a:xfrm>
          <a:prstGeom prst="rect">
            <a:avLst/>
          </a:prstGeom>
        </p:spPr>
        <p:txBody>
          <a:bodyPr vert="horz" wrap="square" lIns="0" tIns="0" rIns="0" bIns="0" anchor="b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98657C2A-7CEA-4008-9E80-B51279C4E2EA}"/>
              </a:ext>
            </a:extLst>
          </p:cNvPr>
          <p:cNvSpPr/>
          <p:nvPr/>
        </p:nvSpPr>
        <p:spPr bwMode="black">
          <a:xfrm flipH="1">
            <a:off x="12060821" y="292100"/>
            <a:ext cx="131180" cy="801598"/>
          </a:xfrm>
          <a:prstGeom prst="rect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4EB94323-AB00-4310-8BB7-305C30AC086B}"/>
              </a:ext>
            </a:extLst>
          </p:cNvPr>
          <p:cNvSpPr/>
          <p:nvPr/>
        </p:nvSpPr>
        <p:spPr bwMode="black">
          <a:xfrm flipH="1">
            <a:off x="1" y="292100"/>
            <a:ext cx="131180" cy="80159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Copyright">
            <a:extLst>
              <a:ext uri="{FF2B5EF4-FFF2-40B4-BE49-F238E27FC236}">
                <a16:creationId xmlns:a16="http://schemas.microsoft.com/office/drawing/2014/main" id="{D8C934D0-D90A-4053-A21A-88E57CFF2460}"/>
              </a:ext>
            </a:extLst>
          </p:cNvPr>
          <p:cNvSpPr txBox="1"/>
          <p:nvPr/>
        </p:nvSpPr>
        <p:spPr>
          <a:xfrm rot="16200000">
            <a:off x="9486902" y="3934616"/>
            <a:ext cx="5133975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6605252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image" Target="../media/image2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image" Target="../media/image1.png"/><Relationship Id="rId2" Type="http://schemas.openxmlformats.org/officeDocument/2006/relationships/slideLayout" Target="../slideLayouts/slideLayout2.xml"/><Relationship Id="rId16" Type="http://schemas.openxmlformats.org/officeDocument/2006/relationships/theme" Target="../theme/theme1.xml"/><Relationship Id="rId20" Type="http://schemas.openxmlformats.org/officeDocument/2006/relationships/image" Target="../media/image4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3.pn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_rels/slideMaster2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41.xml"/><Relationship Id="rId21" Type="http://schemas.openxmlformats.org/officeDocument/2006/relationships/slideLayout" Target="../slideLayouts/slideLayout36.xml"/><Relationship Id="rId42" Type="http://schemas.openxmlformats.org/officeDocument/2006/relationships/slideLayout" Target="../slideLayouts/slideLayout57.xml"/><Relationship Id="rId47" Type="http://schemas.openxmlformats.org/officeDocument/2006/relationships/slideLayout" Target="../slideLayouts/slideLayout62.xml"/><Relationship Id="rId63" Type="http://schemas.openxmlformats.org/officeDocument/2006/relationships/slideLayout" Target="../slideLayouts/slideLayout78.xml"/><Relationship Id="rId68" Type="http://schemas.openxmlformats.org/officeDocument/2006/relationships/slideLayout" Target="../slideLayouts/slideLayout83.xml"/><Relationship Id="rId84" Type="http://schemas.openxmlformats.org/officeDocument/2006/relationships/tags" Target="../tags/tag1.xml"/><Relationship Id="rId16" Type="http://schemas.openxmlformats.org/officeDocument/2006/relationships/slideLayout" Target="../slideLayouts/slideLayout31.xml"/><Relationship Id="rId11" Type="http://schemas.openxmlformats.org/officeDocument/2006/relationships/slideLayout" Target="../slideLayouts/slideLayout26.xml"/><Relationship Id="rId32" Type="http://schemas.openxmlformats.org/officeDocument/2006/relationships/slideLayout" Target="../slideLayouts/slideLayout47.xml"/><Relationship Id="rId37" Type="http://schemas.openxmlformats.org/officeDocument/2006/relationships/slideLayout" Target="../slideLayouts/slideLayout52.xml"/><Relationship Id="rId53" Type="http://schemas.openxmlformats.org/officeDocument/2006/relationships/slideLayout" Target="../slideLayouts/slideLayout68.xml"/><Relationship Id="rId58" Type="http://schemas.openxmlformats.org/officeDocument/2006/relationships/slideLayout" Target="../slideLayouts/slideLayout73.xml"/><Relationship Id="rId74" Type="http://schemas.openxmlformats.org/officeDocument/2006/relationships/slideLayout" Target="../slideLayouts/slideLayout89.xml"/><Relationship Id="rId79" Type="http://schemas.openxmlformats.org/officeDocument/2006/relationships/slideLayout" Target="../slideLayouts/slideLayout94.xml"/><Relationship Id="rId5" Type="http://schemas.openxmlformats.org/officeDocument/2006/relationships/slideLayout" Target="../slideLayouts/slideLayout20.xml"/><Relationship Id="rId19" Type="http://schemas.openxmlformats.org/officeDocument/2006/relationships/slideLayout" Target="../slideLayouts/slideLayout34.xml"/><Relationship Id="rId14" Type="http://schemas.openxmlformats.org/officeDocument/2006/relationships/slideLayout" Target="../slideLayouts/slideLayout29.xml"/><Relationship Id="rId22" Type="http://schemas.openxmlformats.org/officeDocument/2006/relationships/slideLayout" Target="../slideLayouts/slideLayout37.xml"/><Relationship Id="rId27" Type="http://schemas.openxmlformats.org/officeDocument/2006/relationships/slideLayout" Target="../slideLayouts/slideLayout42.xml"/><Relationship Id="rId30" Type="http://schemas.openxmlformats.org/officeDocument/2006/relationships/slideLayout" Target="../slideLayouts/slideLayout45.xml"/><Relationship Id="rId35" Type="http://schemas.openxmlformats.org/officeDocument/2006/relationships/slideLayout" Target="../slideLayouts/slideLayout50.xml"/><Relationship Id="rId43" Type="http://schemas.openxmlformats.org/officeDocument/2006/relationships/slideLayout" Target="../slideLayouts/slideLayout58.xml"/><Relationship Id="rId48" Type="http://schemas.openxmlformats.org/officeDocument/2006/relationships/slideLayout" Target="../slideLayouts/slideLayout63.xml"/><Relationship Id="rId56" Type="http://schemas.openxmlformats.org/officeDocument/2006/relationships/slideLayout" Target="../slideLayouts/slideLayout71.xml"/><Relationship Id="rId64" Type="http://schemas.openxmlformats.org/officeDocument/2006/relationships/slideLayout" Target="../slideLayouts/slideLayout79.xml"/><Relationship Id="rId69" Type="http://schemas.openxmlformats.org/officeDocument/2006/relationships/slideLayout" Target="../slideLayouts/slideLayout84.xml"/><Relationship Id="rId77" Type="http://schemas.openxmlformats.org/officeDocument/2006/relationships/slideLayout" Target="../slideLayouts/slideLayout92.xml"/><Relationship Id="rId8" Type="http://schemas.openxmlformats.org/officeDocument/2006/relationships/slideLayout" Target="../slideLayouts/slideLayout23.xml"/><Relationship Id="rId51" Type="http://schemas.openxmlformats.org/officeDocument/2006/relationships/slideLayout" Target="../slideLayouts/slideLayout66.xml"/><Relationship Id="rId72" Type="http://schemas.openxmlformats.org/officeDocument/2006/relationships/slideLayout" Target="../slideLayouts/slideLayout87.xml"/><Relationship Id="rId80" Type="http://schemas.openxmlformats.org/officeDocument/2006/relationships/slideLayout" Target="../slideLayouts/slideLayout95.xml"/><Relationship Id="rId85" Type="http://schemas.openxmlformats.org/officeDocument/2006/relationships/oleObject" Target="../embeddings/oleObject1.bin"/><Relationship Id="rId3" Type="http://schemas.openxmlformats.org/officeDocument/2006/relationships/slideLayout" Target="../slideLayouts/slideLayout18.xml"/><Relationship Id="rId12" Type="http://schemas.openxmlformats.org/officeDocument/2006/relationships/slideLayout" Target="../slideLayouts/slideLayout27.xml"/><Relationship Id="rId17" Type="http://schemas.openxmlformats.org/officeDocument/2006/relationships/slideLayout" Target="../slideLayouts/slideLayout32.xml"/><Relationship Id="rId25" Type="http://schemas.openxmlformats.org/officeDocument/2006/relationships/slideLayout" Target="../slideLayouts/slideLayout40.xml"/><Relationship Id="rId33" Type="http://schemas.openxmlformats.org/officeDocument/2006/relationships/slideLayout" Target="../slideLayouts/slideLayout48.xml"/><Relationship Id="rId38" Type="http://schemas.openxmlformats.org/officeDocument/2006/relationships/slideLayout" Target="../slideLayouts/slideLayout53.xml"/><Relationship Id="rId46" Type="http://schemas.openxmlformats.org/officeDocument/2006/relationships/slideLayout" Target="../slideLayouts/slideLayout61.xml"/><Relationship Id="rId59" Type="http://schemas.openxmlformats.org/officeDocument/2006/relationships/slideLayout" Target="../slideLayouts/slideLayout74.xml"/><Relationship Id="rId67" Type="http://schemas.openxmlformats.org/officeDocument/2006/relationships/slideLayout" Target="../slideLayouts/slideLayout82.xml"/><Relationship Id="rId20" Type="http://schemas.openxmlformats.org/officeDocument/2006/relationships/slideLayout" Target="../slideLayouts/slideLayout35.xml"/><Relationship Id="rId41" Type="http://schemas.openxmlformats.org/officeDocument/2006/relationships/slideLayout" Target="../slideLayouts/slideLayout56.xml"/><Relationship Id="rId54" Type="http://schemas.openxmlformats.org/officeDocument/2006/relationships/slideLayout" Target="../slideLayouts/slideLayout69.xml"/><Relationship Id="rId62" Type="http://schemas.openxmlformats.org/officeDocument/2006/relationships/slideLayout" Target="../slideLayouts/slideLayout77.xml"/><Relationship Id="rId70" Type="http://schemas.openxmlformats.org/officeDocument/2006/relationships/slideLayout" Target="../slideLayouts/slideLayout85.xml"/><Relationship Id="rId75" Type="http://schemas.openxmlformats.org/officeDocument/2006/relationships/slideLayout" Target="../slideLayouts/slideLayout90.xml"/><Relationship Id="rId83" Type="http://schemas.openxmlformats.org/officeDocument/2006/relationships/theme" Target="../theme/theme2.xml"/><Relationship Id="rId1" Type="http://schemas.openxmlformats.org/officeDocument/2006/relationships/slideLayout" Target="../slideLayouts/slideLayout16.xml"/><Relationship Id="rId6" Type="http://schemas.openxmlformats.org/officeDocument/2006/relationships/slideLayout" Target="../slideLayouts/slideLayout21.xml"/><Relationship Id="rId15" Type="http://schemas.openxmlformats.org/officeDocument/2006/relationships/slideLayout" Target="../slideLayouts/slideLayout30.xml"/><Relationship Id="rId23" Type="http://schemas.openxmlformats.org/officeDocument/2006/relationships/slideLayout" Target="../slideLayouts/slideLayout38.xml"/><Relationship Id="rId28" Type="http://schemas.openxmlformats.org/officeDocument/2006/relationships/slideLayout" Target="../slideLayouts/slideLayout43.xml"/><Relationship Id="rId36" Type="http://schemas.openxmlformats.org/officeDocument/2006/relationships/slideLayout" Target="../slideLayouts/slideLayout51.xml"/><Relationship Id="rId49" Type="http://schemas.openxmlformats.org/officeDocument/2006/relationships/slideLayout" Target="../slideLayouts/slideLayout64.xml"/><Relationship Id="rId57" Type="http://schemas.openxmlformats.org/officeDocument/2006/relationships/slideLayout" Target="../slideLayouts/slideLayout72.xml"/><Relationship Id="rId10" Type="http://schemas.openxmlformats.org/officeDocument/2006/relationships/slideLayout" Target="../slideLayouts/slideLayout25.xml"/><Relationship Id="rId31" Type="http://schemas.openxmlformats.org/officeDocument/2006/relationships/slideLayout" Target="../slideLayouts/slideLayout46.xml"/><Relationship Id="rId44" Type="http://schemas.openxmlformats.org/officeDocument/2006/relationships/slideLayout" Target="../slideLayouts/slideLayout59.xml"/><Relationship Id="rId52" Type="http://schemas.openxmlformats.org/officeDocument/2006/relationships/slideLayout" Target="../slideLayouts/slideLayout67.xml"/><Relationship Id="rId60" Type="http://schemas.openxmlformats.org/officeDocument/2006/relationships/slideLayout" Target="../slideLayouts/slideLayout75.xml"/><Relationship Id="rId65" Type="http://schemas.openxmlformats.org/officeDocument/2006/relationships/slideLayout" Target="../slideLayouts/slideLayout80.xml"/><Relationship Id="rId73" Type="http://schemas.openxmlformats.org/officeDocument/2006/relationships/slideLayout" Target="../slideLayouts/slideLayout88.xml"/><Relationship Id="rId78" Type="http://schemas.openxmlformats.org/officeDocument/2006/relationships/slideLayout" Target="../slideLayouts/slideLayout93.xml"/><Relationship Id="rId81" Type="http://schemas.openxmlformats.org/officeDocument/2006/relationships/slideLayout" Target="../slideLayouts/slideLayout96.xml"/><Relationship Id="rId86" Type="http://schemas.openxmlformats.org/officeDocument/2006/relationships/image" Target="../media/image5.emf"/><Relationship Id="rId4" Type="http://schemas.openxmlformats.org/officeDocument/2006/relationships/slideLayout" Target="../slideLayouts/slideLayout19.xml"/><Relationship Id="rId9" Type="http://schemas.openxmlformats.org/officeDocument/2006/relationships/slideLayout" Target="../slideLayouts/slideLayout24.xml"/><Relationship Id="rId13" Type="http://schemas.openxmlformats.org/officeDocument/2006/relationships/slideLayout" Target="../slideLayouts/slideLayout28.xml"/><Relationship Id="rId18" Type="http://schemas.openxmlformats.org/officeDocument/2006/relationships/slideLayout" Target="../slideLayouts/slideLayout33.xml"/><Relationship Id="rId39" Type="http://schemas.openxmlformats.org/officeDocument/2006/relationships/slideLayout" Target="../slideLayouts/slideLayout54.xml"/><Relationship Id="rId34" Type="http://schemas.openxmlformats.org/officeDocument/2006/relationships/slideLayout" Target="../slideLayouts/slideLayout49.xml"/><Relationship Id="rId50" Type="http://schemas.openxmlformats.org/officeDocument/2006/relationships/slideLayout" Target="../slideLayouts/slideLayout65.xml"/><Relationship Id="rId55" Type="http://schemas.openxmlformats.org/officeDocument/2006/relationships/slideLayout" Target="../slideLayouts/slideLayout70.xml"/><Relationship Id="rId76" Type="http://schemas.openxmlformats.org/officeDocument/2006/relationships/slideLayout" Target="../slideLayouts/slideLayout91.xml"/><Relationship Id="rId7" Type="http://schemas.openxmlformats.org/officeDocument/2006/relationships/slideLayout" Target="../slideLayouts/slideLayout22.xml"/><Relationship Id="rId71" Type="http://schemas.openxmlformats.org/officeDocument/2006/relationships/slideLayout" Target="../slideLayouts/slideLayout86.xml"/><Relationship Id="rId2" Type="http://schemas.openxmlformats.org/officeDocument/2006/relationships/slideLayout" Target="../slideLayouts/slideLayout17.xml"/><Relationship Id="rId29" Type="http://schemas.openxmlformats.org/officeDocument/2006/relationships/slideLayout" Target="../slideLayouts/slideLayout44.xml"/><Relationship Id="rId24" Type="http://schemas.openxmlformats.org/officeDocument/2006/relationships/slideLayout" Target="../slideLayouts/slideLayout39.xml"/><Relationship Id="rId40" Type="http://schemas.openxmlformats.org/officeDocument/2006/relationships/slideLayout" Target="../slideLayouts/slideLayout55.xml"/><Relationship Id="rId45" Type="http://schemas.openxmlformats.org/officeDocument/2006/relationships/slideLayout" Target="../slideLayouts/slideLayout60.xml"/><Relationship Id="rId66" Type="http://schemas.openxmlformats.org/officeDocument/2006/relationships/slideLayout" Target="../slideLayouts/slideLayout81.xml"/><Relationship Id="rId87" Type="http://schemas.openxmlformats.org/officeDocument/2006/relationships/image" Target="../media/image6.png"/><Relationship Id="rId61" Type="http://schemas.openxmlformats.org/officeDocument/2006/relationships/slideLayout" Target="../slideLayouts/slideLayout76.xml"/><Relationship Id="rId82" Type="http://schemas.openxmlformats.org/officeDocument/2006/relationships/slideLayout" Target="../slideLayouts/slideLayout97.xml"/></Relationships>
</file>

<file path=ppt/slideMasters/_rels/slideMaster3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123.xml"/><Relationship Id="rId21" Type="http://schemas.openxmlformats.org/officeDocument/2006/relationships/slideLayout" Target="../slideLayouts/slideLayout118.xml"/><Relationship Id="rId42" Type="http://schemas.openxmlformats.org/officeDocument/2006/relationships/slideLayout" Target="../slideLayouts/slideLayout139.xml"/><Relationship Id="rId47" Type="http://schemas.openxmlformats.org/officeDocument/2006/relationships/slideLayout" Target="../slideLayouts/slideLayout144.xml"/><Relationship Id="rId63" Type="http://schemas.openxmlformats.org/officeDocument/2006/relationships/slideLayout" Target="../slideLayouts/slideLayout160.xml"/><Relationship Id="rId68" Type="http://schemas.openxmlformats.org/officeDocument/2006/relationships/tags" Target="../tags/tag81.xml"/><Relationship Id="rId7" Type="http://schemas.openxmlformats.org/officeDocument/2006/relationships/slideLayout" Target="../slideLayouts/slideLayout104.xml"/><Relationship Id="rId71" Type="http://schemas.openxmlformats.org/officeDocument/2006/relationships/image" Target="../media/image5.emf"/><Relationship Id="rId2" Type="http://schemas.openxmlformats.org/officeDocument/2006/relationships/slideLayout" Target="../slideLayouts/slideLayout99.xml"/><Relationship Id="rId16" Type="http://schemas.openxmlformats.org/officeDocument/2006/relationships/slideLayout" Target="../slideLayouts/slideLayout113.xml"/><Relationship Id="rId29" Type="http://schemas.openxmlformats.org/officeDocument/2006/relationships/slideLayout" Target="../slideLayouts/slideLayout126.xml"/><Relationship Id="rId11" Type="http://schemas.openxmlformats.org/officeDocument/2006/relationships/slideLayout" Target="../slideLayouts/slideLayout108.xml"/><Relationship Id="rId24" Type="http://schemas.openxmlformats.org/officeDocument/2006/relationships/slideLayout" Target="../slideLayouts/slideLayout121.xml"/><Relationship Id="rId32" Type="http://schemas.openxmlformats.org/officeDocument/2006/relationships/slideLayout" Target="../slideLayouts/slideLayout129.xml"/><Relationship Id="rId37" Type="http://schemas.openxmlformats.org/officeDocument/2006/relationships/slideLayout" Target="../slideLayouts/slideLayout134.xml"/><Relationship Id="rId40" Type="http://schemas.openxmlformats.org/officeDocument/2006/relationships/slideLayout" Target="../slideLayouts/slideLayout137.xml"/><Relationship Id="rId45" Type="http://schemas.openxmlformats.org/officeDocument/2006/relationships/slideLayout" Target="../slideLayouts/slideLayout142.xml"/><Relationship Id="rId53" Type="http://schemas.openxmlformats.org/officeDocument/2006/relationships/slideLayout" Target="../slideLayouts/slideLayout150.xml"/><Relationship Id="rId58" Type="http://schemas.openxmlformats.org/officeDocument/2006/relationships/slideLayout" Target="../slideLayouts/slideLayout155.xml"/><Relationship Id="rId66" Type="http://schemas.openxmlformats.org/officeDocument/2006/relationships/theme" Target="../theme/theme3.xml"/><Relationship Id="rId5" Type="http://schemas.openxmlformats.org/officeDocument/2006/relationships/slideLayout" Target="../slideLayouts/slideLayout102.xml"/><Relationship Id="rId61" Type="http://schemas.openxmlformats.org/officeDocument/2006/relationships/slideLayout" Target="../slideLayouts/slideLayout158.xml"/><Relationship Id="rId19" Type="http://schemas.openxmlformats.org/officeDocument/2006/relationships/slideLayout" Target="../slideLayouts/slideLayout116.xml"/><Relationship Id="rId14" Type="http://schemas.openxmlformats.org/officeDocument/2006/relationships/slideLayout" Target="../slideLayouts/slideLayout111.xml"/><Relationship Id="rId22" Type="http://schemas.openxmlformats.org/officeDocument/2006/relationships/slideLayout" Target="../slideLayouts/slideLayout119.xml"/><Relationship Id="rId27" Type="http://schemas.openxmlformats.org/officeDocument/2006/relationships/slideLayout" Target="../slideLayouts/slideLayout124.xml"/><Relationship Id="rId30" Type="http://schemas.openxmlformats.org/officeDocument/2006/relationships/slideLayout" Target="../slideLayouts/slideLayout127.xml"/><Relationship Id="rId35" Type="http://schemas.openxmlformats.org/officeDocument/2006/relationships/slideLayout" Target="../slideLayouts/slideLayout132.xml"/><Relationship Id="rId43" Type="http://schemas.openxmlformats.org/officeDocument/2006/relationships/slideLayout" Target="../slideLayouts/slideLayout140.xml"/><Relationship Id="rId48" Type="http://schemas.openxmlformats.org/officeDocument/2006/relationships/slideLayout" Target="../slideLayouts/slideLayout145.xml"/><Relationship Id="rId56" Type="http://schemas.openxmlformats.org/officeDocument/2006/relationships/slideLayout" Target="../slideLayouts/slideLayout153.xml"/><Relationship Id="rId64" Type="http://schemas.openxmlformats.org/officeDocument/2006/relationships/slideLayout" Target="../slideLayouts/slideLayout161.xml"/><Relationship Id="rId69" Type="http://schemas.openxmlformats.org/officeDocument/2006/relationships/tags" Target="../tags/tag82.xml"/><Relationship Id="rId8" Type="http://schemas.openxmlformats.org/officeDocument/2006/relationships/slideLayout" Target="../slideLayouts/slideLayout105.xml"/><Relationship Id="rId51" Type="http://schemas.openxmlformats.org/officeDocument/2006/relationships/slideLayout" Target="../slideLayouts/slideLayout148.xml"/><Relationship Id="rId72" Type="http://schemas.openxmlformats.org/officeDocument/2006/relationships/oleObject" Target="../embeddings/oleObject63.bin"/><Relationship Id="rId3" Type="http://schemas.openxmlformats.org/officeDocument/2006/relationships/slideLayout" Target="../slideLayouts/slideLayout100.xml"/><Relationship Id="rId12" Type="http://schemas.openxmlformats.org/officeDocument/2006/relationships/slideLayout" Target="../slideLayouts/slideLayout109.xml"/><Relationship Id="rId17" Type="http://schemas.openxmlformats.org/officeDocument/2006/relationships/slideLayout" Target="../slideLayouts/slideLayout114.xml"/><Relationship Id="rId25" Type="http://schemas.openxmlformats.org/officeDocument/2006/relationships/slideLayout" Target="../slideLayouts/slideLayout122.xml"/><Relationship Id="rId33" Type="http://schemas.openxmlformats.org/officeDocument/2006/relationships/slideLayout" Target="../slideLayouts/slideLayout130.xml"/><Relationship Id="rId38" Type="http://schemas.openxmlformats.org/officeDocument/2006/relationships/slideLayout" Target="../slideLayouts/slideLayout135.xml"/><Relationship Id="rId46" Type="http://schemas.openxmlformats.org/officeDocument/2006/relationships/slideLayout" Target="../slideLayouts/slideLayout143.xml"/><Relationship Id="rId59" Type="http://schemas.openxmlformats.org/officeDocument/2006/relationships/slideLayout" Target="../slideLayouts/slideLayout156.xml"/><Relationship Id="rId67" Type="http://schemas.openxmlformats.org/officeDocument/2006/relationships/tags" Target="../tags/tag80.xml"/><Relationship Id="rId20" Type="http://schemas.openxmlformats.org/officeDocument/2006/relationships/slideLayout" Target="../slideLayouts/slideLayout117.xml"/><Relationship Id="rId41" Type="http://schemas.openxmlformats.org/officeDocument/2006/relationships/slideLayout" Target="../slideLayouts/slideLayout138.xml"/><Relationship Id="rId54" Type="http://schemas.openxmlformats.org/officeDocument/2006/relationships/slideLayout" Target="../slideLayouts/slideLayout151.xml"/><Relationship Id="rId62" Type="http://schemas.openxmlformats.org/officeDocument/2006/relationships/slideLayout" Target="../slideLayouts/slideLayout159.xml"/><Relationship Id="rId70" Type="http://schemas.openxmlformats.org/officeDocument/2006/relationships/oleObject" Target="../embeddings/oleObject62.bin"/><Relationship Id="rId1" Type="http://schemas.openxmlformats.org/officeDocument/2006/relationships/slideLayout" Target="../slideLayouts/slideLayout98.xml"/><Relationship Id="rId6" Type="http://schemas.openxmlformats.org/officeDocument/2006/relationships/slideLayout" Target="../slideLayouts/slideLayout103.xml"/><Relationship Id="rId15" Type="http://schemas.openxmlformats.org/officeDocument/2006/relationships/slideLayout" Target="../slideLayouts/slideLayout112.xml"/><Relationship Id="rId23" Type="http://schemas.openxmlformats.org/officeDocument/2006/relationships/slideLayout" Target="../slideLayouts/slideLayout120.xml"/><Relationship Id="rId28" Type="http://schemas.openxmlformats.org/officeDocument/2006/relationships/slideLayout" Target="../slideLayouts/slideLayout125.xml"/><Relationship Id="rId36" Type="http://schemas.openxmlformats.org/officeDocument/2006/relationships/slideLayout" Target="../slideLayouts/slideLayout133.xml"/><Relationship Id="rId49" Type="http://schemas.openxmlformats.org/officeDocument/2006/relationships/slideLayout" Target="../slideLayouts/slideLayout146.xml"/><Relationship Id="rId57" Type="http://schemas.openxmlformats.org/officeDocument/2006/relationships/slideLayout" Target="../slideLayouts/slideLayout154.xml"/><Relationship Id="rId10" Type="http://schemas.openxmlformats.org/officeDocument/2006/relationships/slideLayout" Target="../slideLayouts/slideLayout107.xml"/><Relationship Id="rId31" Type="http://schemas.openxmlformats.org/officeDocument/2006/relationships/slideLayout" Target="../slideLayouts/slideLayout128.xml"/><Relationship Id="rId44" Type="http://schemas.openxmlformats.org/officeDocument/2006/relationships/slideLayout" Target="../slideLayouts/slideLayout141.xml"/><Relationship Id="rId52" Type="http://schemas.openxmlformats.org/officeDocument/2006/relationships/slideLayout" Target="../slideLayouts/slideLayout149.xml"/><Relationship Id="rId60" Type="http://schemas.openxmlformats.org/officeDocument/2006/relationships/slideLayout" Target="../slideLayouts/slideLayout157.xml"/><Relationship Id="rId65" Type="http://schemas.openxmlformats.org/officeDocument/2006/relationships/slideLayout" Target="../slideLayouts/slideLayout162.xml"/><Relationship Id="rId4" Type="http://schemas.openxmlformats.org/officeDocument/2006/relationships/slideLayout" Target="../slideLayouts/slideLayout101.xml"/><Relationship Id="rId9" Type="http://schemas.openxmlformats.org/officeDocument/2006/relationships/slideLayout" Target="../slideLayouts/slideLayout106.xml"/><Relationship Id="rId13" Type="http://schemas.openxmlformats.org/officeDocument/2006/relationships/slideLayout" Target="../slideLayouts/slideLayout110.xml"/><Relationship Id="rId18" Type="http://schemas.openxmlformats.org/officeDocument/2006/relationships/slideLayout" Target="../slideLayouts/slideLayout115.xml"/><Relationship Id="rId39" Type="http://schemas.openxmlformats.org/officeDocument/2006/relationships/slideLayout" Target="../slideLayouts/slideLayout136.xml"/><Relationship Id="rId34" Type="http://schemas.openxmlformats.org/officeDocument/2006/relationships/slideLayout" Target="../slideLayouts/slideLayout131.xml"/><Relationship Id="rId50" Type="http://schemas.openxmlformats.org/officeDocument/2006/relationships/slideLayout" Target="../slideLayouts/slideLayout147.xml"/><Relationship Id="rId55" Type="http://schemas.openxmlformats.org/officeDocument/2006/relationships/slideLayout" Target="../slideLayouts/slideLayout152.xml"/></Relationships>
</file>

<file path=ppt/slideMasters/_rels/slideMaster4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188.xml"/><Relationship Id="rId21" Type="http://schemas.openxmlformats.org/officeDocument/2006/relationships/slideLayout" Target="../slideLayouts/slideLayout183.xml"/><Relationship Id="rId42" Type="http://schemas.openxmlformats.org/officeDocument/2006/relationships/slideLayout" Target="../slideLayouts/slideLayout204.xml"/><Relationship Id="rId47" Type="http://schemas.openxmlformats.org/officeDocument/2006/relationships/slideLayout" Target="../slideLayouts/slideLayout209.xml"/><Relationship Id="rId63" Type="http://schemas.openxmlformats.org/officeDocument/2006/relationships/slideLayout" Target="../slideLayouts/slideLayout225.xml"/><Relationship Id="rId68" Type="http://schemas.openxmlformats.org/officeDocument/2006/relationships/slideLayout" Target="../slideLayouts/slideLayout230.xml"/><Relationship Id="rId2" Type="http://schemas.openxmlformats.org/officeDocument/2006/relationships/slideLayout" Target="../slideLayouts/slideLayout164.xml"/><Relationship Id="rId16" Type="http://schemas.openxmlformats.org/officeDocument/2006/relationships/slideLayout" Target="../slideLayouts/slideLayout178.xml"/><Relationship Id="rId29" Type="http://schemas.openxmlformats.org/officeDocument/2006/relationships/slideLayout" Target="../slideLayouts/slideLayout191.xml"/><Relationship Id="rId11" Type="http://schemas.openxmlformats.org/officeDocument/2006/relationships/slideLayout" Target="../slideLayouts/slideLayout173.xml"/><Relationship Id="rId24" Type="http://schemas.openxmlformats.org/officeDocument/2006/relationships/slideLayout" Target="../slideLayouts/slideLayout186.xml"/><Relationship Id="rId32" Type="http://schemas.openxmlformats.org/officeDocument/2006/relationships/slideLayout" Target="../slideLayouts/slideLayout194.xml"/><Relationship Id="rId37" Type="http://schemas.openxmlformats.org/officeDocument/2006/relationships/slideLayout" Target="../slideLayouts/slideLayout199.xml"/><Relationship Id="rId40" Type="http://schemas.openxmlformats.org/officeDocument/2006/relationships/slideLayout" Target="../slideLayouts/slideLayout202.xml"/><Relationship Id="rId45" Type="http://schemas.openxmlformats.org/officeDocument/2006/relationships/slideLayout" Target="../slideLayouts/slideLayout207.xml"/><Relationship Id="rId53" Type="http://schemas.openxmlformats.org/officeDocument/2006/relationships/slideLayout" Target="../slideLayouts/slideLayout215.xml"/><Relationship Id="rId58" Type="http://schemas.openxmlformats.org/officeDocument/2006/relationships/slideLayout" Target="../slideLayouts/slideLayout220.xml"/><Relationship Id="rId66" Type="http://schemas.openxmlformats.org/officeDocument/2006/relationships/slideLayout" Target="../slideLayouts/slideLayout228.xml"/><Relationship Id="rId74" Type="http://schemas.openxmlformats.org/officeDocument/2006/relationships/image" Target="../media/image6.png"/><Relationship Id="rId5" Type="http://schemas.openxmlformats.org/officeDocument/2006/relationships/slideLayout" Target="../slideLayouts/slideLayout167.xml"/><Relationship Id="rId61" Type="http://schemas.openxmlformats.org/officeDocument/2006/relationships/slideLayout" Target="../slideLayouts/slideLayout223.xml"/><Relationship Id="rId19" Type="http://schemas.openxmlformats.org/officeDocument/2006/relationships/slideLayout" Target="../slideLayouts/slideLayout181.xml"/><Relationship Id="rId14" Type="http://schemas.openxmlformats.org/officeDocument/2006/relationships/slideLayout" Target="../slideLayouts/slideLayout176.xml"/><Relationship Id="rId22" Type="http://schemas.openxmlformats.org/officeDocument/2006/relationships/slideLayout" Target="../slideLayouts/slideLayout184.xml"/><Relationship Id="rId27" Type="http://schemas.openxmlformats.org/officeDocument/2006/relationships/slideLayout" Target="../slideLayouts/slideLayout189.xml"/><Relationship Id="rId30" Type="http://schemas.openxmlformats.org/officeDocument/2006/relationships/slideLayout" Target="../slideLayouts/slideLayout192.xml"/><Relationship Id="rId35" Type="http://schemas.openxmlformats.org/officeDocument/2006/relationships/slideLayout" Target="../slideLayouts/slideLayout197.xml"/><Relationship Id="rId43" Type="http://schemas.openxmlformats.org/officeDocument/2006/relationships/slideLayout" Target="../slideLayouts/slideLayout205.xml"/><Relationship Id="rId48" Type="http://schemas.openxmlformats.org/officeDocument/2006/relationships/slideLayout" Target="../slideLayouts/slideLayout210.xml"/><Relationship Id="rId56" Type="http://schemas.openxmlformats.org/officeDocument/2006/relationships/slideLayout" Target="../slideLayouts/slideLayout218.xml"/><Relationship Id="rId64" Type="http://schemas.openxmlformats.org/officeDocument/2006/relationships/slideLayout" Target="../slideLayouts/slideLayout226.xml"/><Relationship Id="rId69" Type="http://schemas.openxmlformats.org/officeDocument/2006/relationships/slideLayout" Target="../slideLayouts/slideLayout231.xml"/><Relationship Id="rId8" Type="http://schemas.openxmlformats.org/officeDocument/2006/relationships/slideLayout" Target="../slideLayouts/slideLayout170.xml"/><Relationship Id="rId51" Type="http://schemas.openxmlformats.org/officeDocument/2006/relationships/slideLayout" Target="../slideLayouts/slideLayout213.xml"/><Relationship Id="rId72" Type="http://schemas.openxmlformats.org/officeDocument/2006/relationships/oleObject" Target="../embeddings/oleObject83.bin"/><Relationship Id="rId3" Type="http://schemas.openxmlformats.org/officeDocument/2006/relationships/slideLayout" Target="../slideLayouts/slideLayout165.xml"/><Relationship Id="rId12" Type="http://schemas.openxmlformats.org/officeDocument/2006/relationships/slideLayout" Target="../slideLayouts/slideLayout174.xml"/><Relationship Id="rId17" Type="http://schemas.openxmlformats.org/officeDocument/2006/relationships/slideLayout" Target="../slideLayouts/slideLayout179.xml"/><Relationship Id="rId25" Type="http://schemas.openxmlformats.org/officeDocument/2006/relationships/slideLayout" Target="../slideLayouts/slideLayout187.xml"/><Relationship Id="rId33" Type="http://schemas.openxmlformats.org/officeDocument/2006/relationships/slideLayout" Target="../slideLayouts/slideLayout195.xml"/><Relationship Id="rId38" Type="http://schemas.openxmlformats.org/officeDocument/2006/relationships/slideLayout" Target="../slideLayouts/slideLayout200.xml"/><Relationship Id="rId46" Type="http://schemas.openxmlformats.org/officeDocument/2006/relationships/slideLayout" Target="../slideLayouts/slideLayout208.xml"/><Relationship Id="rId59" Type="http://schemas.openxmlformats.org/officeDocument/2006/relationships/slideLayout" Target="../slideLayouts/slideLayout221.xml"/><Relationship Id="rId67" Type="http://schemas.openxmlformats.org/officeDocument/2006/relationships/slideLayout" Target="../slideLayouts/slideLayout229.xml"/><Relationship Id="rId20" Type="http://schemas.openxmlformats.org/officeDocument/2006/relationships/slideLayout" Target="../slideLayouts/slideLayout182.xml"/><Relationship Id="rId41" Type="http://schemas.openxmlformats.org/officeDocument/2006/relationships/slideLayout" Target="../slideLayouts/slideLayout203.xml"/><Relationship Id="rId54" Type="http://schemas.openxmlformats.org/officeDocument/2006/relationships/slideLayout" Target="../slideLayouts/slideLayout216.xml"/><Relationship Id="rId62" Type="http://schemas.openxmlformats.org/officeDocument/2006/relationships/slideLayout" Target="../slideLayouts/slideLayout224.xml"/><Relationship Id="rId70" Type="http://schemas.openxmlformats.org/officeDocument/2006/relationships/theme" Target="../theme/theme4.xml"/><Relationship Id="rId1" Type="http://schemas.openxmlformats.org/officeDocument/2006/relationships/slideLayout" Target="../slideLayouts/slideLayout163.xml"/><Relationship Id="rId6" Type="http://schemas.openxmlformats.org/officeDocument/2006/relationships/slideLayout" Target="../slideLayouts/slideLayout168.xml"/><Relationship Id="rId15" Type="http://schemas.openxmlformats.org/officeDocument/2006/relationships/slideLayout" Target="../slideLayouts/slideLayout177.xml"/><Relationship Id="rId23" Type="http://schemas.openxmlformats.org/officeDocument/2006/relationships/slideLayout" Target="../slideLayouts/slideLayout185.xml"/><Relationship Id="rId28" Type="http://schemas.openxmlformats.org/officeDocument/2006/relationships/slideLayout" Target="../slideLayouts/slideLayout190.xml"/><Relationship Id="rId36" Type="http://schemas.openxmlformats.org/officeDocument/2006/relationships/slideLayout" Target="../slideLayouts/slideLayout198.xml"/><Relationship Id="rId49" Type="http://schemas.openxmlformats.org/officeDocument/2006/relationships/slideLayout" Target="../slideLayouts/slideLayout211.xml"/><Relationship Id="rId57" Type="http://schemas.openxmlformats.org/officeDocument/2006/relationships/slideLayout" Target="../slideLayouts/slideLayout219.xml"/><Relationship Id="rId10" Type="http://schemas.openxmlformats.org/officeDocument/2006/relationships/slideLayout" Target="../slideLayouts/slideLayout172.xml"/><Relationship Id="rId31" Type="http://schemas.openxmlformats.org/officeDocument/2006/relationships/slideLayout" Target="../slideLayouts/slideLayout193.xml"/><Relationship Id="rId44" Type="http://schemas.openxmlformats.org/officeDocument/2006/relationships/slideLayout" Target="../slideLayouts/slideLayout206.xml"/><Relationship Id="rId52" Type="http://schemas.openxmlformats.org/officeDocument/2006/relationships/slideLayout" Target="../slideLayouts/slideLayout214.xml"/><Relationship Id="rId60" Type="http://schemas.openxmlformats.org/officeDocument/2006/relationships/slideLayout" Target="../slideLayouts/slideLayout222.xml"/><Relationship Id="rId65" Type="http://schemas.openxmlformats.org/officeDocument/2006/relationships/slideLayout" Target="../slideLayouts/slideLayout227.xml"/><Relationship Id="rId73" Type="http://schemas.openxmlformats.org/officeDocument/2006/relationships/image" Target="../media/image5.emf"/><Relationship Id="rId4" Type="http://schemas.openxmlformats.org/officeDocument/2006/relationships/slideLayout" Target="../slideLayouts/slideLayout166.xml"/><Relationship Id="rId9" Type="http://schemas.openxmlformats.org/officeDocument/2006/relationships/slideLayout" Target="../slideLayouts/slideLayout171.xml"/><Relationship Id="rId13" Type="http://schemas.openxmlformats.org/officeDocument/2006/relationships/slideLayout" Target="../slideLayouts/slideLayout175.xml"/><Relationship Id="rId18" Type="http://schemas.openxmlformats.org/officeDocument/2006/relationships/slideLayout" Target="../slideLayouts/slideLayout180.xml"/><Relationship Id="rId39" Type="http://schemas.openxmlformats.org/officeDocument/2006/relationships/slideLayout" Target="../slideLayouts/slideLayout201.xml"/><Relationship Id="rId34" Type="http://schemas.openxmlformats.org/officeDocument/2006/relationships/slideLayout" Target="../slideLayouts/slideLayout196.xml"/><Relationship Id="rId50" Type="http://schemas.openxmlformats.org/officeDocument/2006/relationships/slideLayout" Target="../slideLayouts/slideLayout212.xml"/><Relationship Id="rId55" Type="http://schemas.openxmlformats.org/officeDocument/2006/relationships/slideLayout" Target="../slideLayouts/slideLayout217.xml"/><Relationship Id="rId7" Type="http://schemas.openxmlformats.org/officeDocument/2006/relationships/slideLayout" Target="../slideLayouts/slideLayout169.xml"/><Relationship Id="rId71" Type="http://schemas.openxmlformats.org/officeDocument/2006/relationships/tags" Target="../tags/tag132.xml"/></Relationships>
</file>

<file path=ppt/slideMasters/_rels/slideMaster5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57.xml"/><Relationship Id="rId21" Type="http://schemas.openxmlformats.org/officeDocument/2006/relationships/slideLayout" Target="../slideLayouts/slideLayout252.xml"/><Relationship Id="rId42" Type="http://schemas.openxmlformats.org/officeDocument/2006/relationships/slideLayout" Target="../slideLayouts/slideLayout273.xml"/><Relationship Id="rId47" Type="http://schemas.openxmlformats.org/officeDocument/2006/relationships/slideLayout" Target="../slideLayouts/slideLayout278.xml"/><Relationship Id="rId63" Type="http://schemas.openxmlformats.org/officeDocument/2006/relationships/slideLayout" Target="../slideLayouts/slideLayout294.xml"/><Relationship Id="rId68" Type="http://schemas.openxmlformats.org/officeDocument/2006/relationships/slideLayout" Target="../slideLayouts/slideLayout299.xml"/><Relationship Id="rId2" Type="http://schemas.openxmlformats.org/officeDocument/2006/relationships/slideLayout" Target="../slideLayouts/slideLayout233.xml"/><Relationship Id="rId16" Type="http://schemas.openxmlformats.org/officeDocument/2006/relationships/slideLayout" Target="../slideLayouts/slideLayout247.xml"/><Relationship Id="rId29" Type="http://schemas.openxmlformats.org/officeDocument/2006/relationships/slideLayout" Target="../slideLayouts/slideLayout260.xml"/><Relationship Id="rId11" Type="http://schemas.openxmlformats.org/officeDocument/2006/relationships/slideLayout" Target="../slideLayouts/slideLayout242.xml"/><Relationship Id="rId24" Type="http://schemas.openxmlformats.org/officeDocument/2006/relationships/slideLayout" Target="../slideLayouts/slideLayout255.xml"/><Relationship Id="rId32" Type="http://schemas.openxmlformats.org/officeDocument/2006/relationships/slideLayout" Target="../slideLayouts/slideLayout263.xml"/><Relationship Id="rId37" Type="http://schemas.openxmlformats.org/officeDocument/2006/relationships/slideLayout" Target="../slideLayouts/slideLayout268.xml"/><Relationship Id="rId40" Type="http://schemas.openxmlformats.org/officeDocument/2006/relationships/slideLayout" Target="../slideLayouts/slideLayout271.xml"/><Relationship Id="rId45" Type="http://schemas.openxmlformats.org/officeDocument/2006/relationships/slideLayout" Target="../slideLayouts/slideLayout276.xml"/><Relationship Id="rId53" Type="http://schemas.openxmlformats.org/officeDocument/2006/relationships/slideLayout" Target="../slideLayouts/slideLayout284.xml"/><Relationship Id="rId58" Type="http://schemas.openxmlformats.org/officeDocument/2006/relationships/slideLayout" Target="../slideLayouts/slideLayout289.xml"/><Relationship Id="rId66" Type="http://schemas.openxmlformats.org/officeDocument/2006/relationships/slideLayout" Target="../slideLayouts/slideLayout297.xml"/><Relationship Id="rId74" Type="http://schemas.openxmlformats.org/officeDocument/2006/relationships/image" Target="../media/image5.emf"/><Relationship Id="rId5" Type="http://schemas.openxmlformats.org/officeDocument/2006/relationships/slideLayout" Target="../slideLayouts/slideLayout236.xml"/><Relationship Id="rId61" Type="http://schemas.openxmlformats.org/officeDocument/2006/relationships/slideLayout" Target="../slideLayouts/slideLayout292.xml"/><Relationship Id="rId19" Type="http://schemas.openxmlformats.org/officeDocument/2006/relationships/slideLayout" Target="../slideLayouts/slideLayout250.xml"/><Relationship Id="rId14" Type="http://schemas.openxmlformats.org/officeDocument/2006/relationships/slideLayout" Target="../slideLayouts/slideLayout245.xml"/><Relationship Id="rId22" Type="http://schemas.openxmlformats.org/officeDocument/2006/relationships/slideLayout" Target="../slideLayouts/slideLayout253.xml"/><Relationship Id="rId27" Type="http://schemas.openxmlformats.org/officeDocument/2006/relationships/slideLayout" Target="../slideLayouts/slideLayout258.xml"/><Relationship Id="rId30" Type="http://schemas.openxmlformats.org/officeDocument/2006/relationships/slideLayout" Target="../slideLayouts/slideLayout261.xml"/><Relationship Id="rId35" Type="http://schemas.openxmlformats.org/officeDocument/2006/relationships/slideLayout" Target="../slideLayouts/slideLayout266.xml"/><Relationship Id="rId43" Type="http://schemas.openxmlformats.org/officeDocument/2006/relationships/slideLayout" Target="../slideLayouts/slideLayout274.xml"/><Relationship Id="rId48" Type="http://schemas.openxmlformats.org/officeDocument/2006/relationships/slideLayout" Target="../slideLayouts/slideLayout279.xml"/><Relationship Id="rId56" Type="http://schemas.openxmlformats.org/officeDocument/2006/relationships/slideLayout" Target="../slideLayouts/slideLayout287.xml"/><Relationship Id="rId64" Type="http://schemas.openxmlformats.org/officeDocument/2006/relationships/slideLayout" Target="../slideLayouts/slideLayout295.xml"/><Relationship Id="rId69" Type="http://schemas.openxmlformats.org/officeDocument/2006/relationships/slideLayout" Target="../slideLayouts/slideLayout300.xml"/><Relationship Id="rId8" Type="http://schemas.openxmlformats.org/officeDocument/2006/relationships/slideLayout" Target="../slideLayouts/slideLayout239.xml"/><Relationship Id="rId51" Type="http://schemas.openxmlformats.org/officeDocument/2006/relationships/slideLayout" Target="../slideLayouts/slideLayout282.xml"/><Relationship Id="rId72" Type="http://schemas.openxmlformats.org/officeDocument/2006/relationships/tags" Target="../tags/tag186.xml"/><Relationship Id="rId3" Type="http://schemas.openxmlformats.org/officeDocument/2006/relationships/slideLayout" Target="../slideLayouts/slideLayout234.xml"/><Relationship Id="rId12" Type="http://schemas.openxmlformats.org/officeDocument/2006/relationships/slideLayout" Target="../slideLayouts/slideLayout243.xml"/><Relationship Id="rId17" Type="http://schemas.openxmlformats.org/officeDocument/2006/relationships/slideLayout" Target="../slideLayouts/slideLayout248.xml"/><Relationship Id="rId25" Type="http://schemas.openxmlformats.org/officeDocument/2006/relationships/slideLayout" Target="../slideLayouts/slideLayout256.xml"/><Relationship Id="rId33" Type="http://schemas.openxmlformats.org/officeDocument/2006/relationships/slideLayout" Target="../slideLayouts/slideLayout264.xml"/><Relationship Id="rId38" Type="http://schemas.openxmlformats.org/officeDocument/2006/relationships/slideLayout" Target="../slideLayouts/slideLayout269.xml"/><Relationship Id="rId46" Type="http://schemas.openxmlformats.org/officeDocument/2006/relationships/slideLayout" Target="../slideLayouts/slideLayout277.xml"/><Relationship Id="rId59" Type="http://schemas.openxmlformats.org/officeDocument/2006/relationships/slideLayout" Target="../slideLayouts/slideLayout290.xml"/><Relationship Id="rId67" Type="http://schemas.openxmlformats.org/officeDocument/2006/relationships/slideLayout" Target="../slideLayouts/slideLayout298.xml"/><Relationship Id="rId20" Type="http://schemas.openxmlformats.org/officeDocument/2006/relationships/slideLayout" Target="../slideLayouts/slideLayout251.xml"/><Relationship Id="rId41" Type="http://schemas.openxmlformats.org/officeDocument/2006/relationships/slideLayout" Target="../slideLayouts/slideLayout272.xml"/><Relationship Id="rId54" Type="http://schemas.openxmlformats.org/officeDocument/2006/relationships/slideLayout" Target="../slideLayouts/slideLayout285.xml"/><Relationship Id="rId62" Type="http://schemas.openxmlformats.org/officeDocument/2006/relationships/slideLayout" Target="../slideLayouts/slideLayout293.xml"/><Relationship Id="rId70" Type="http://schemas.openxmlformats.org/officeDocument/2006/relationships/slideLayout" Target="../slideLayouts/slideLayout301.xml"/><Relationship Id="rId75" Type="http://schemas.openxmlformats.org/officeDocument/2006/relationships/image" Target="../media/image6.png"/><Relationship Id="rId1" Type="http://schemas.openxmlformats.org/officeDocument/2006/relationships/slideLayout" Target="../slideLayouts/slideLayout232.xml"/><Relationship Id="rId6" Type="http://schemas.openxmlformats.org/officeDocument/2006/relationships/slideLayout" Target="../slideLayouts/slideLayout237.xml"/><Relationship Id="rId15" Type="http://schemas.openxmlformats.org/officeDocument/2006/relationships/slideLayout" Target="../slideLayouts/slideLayout246.xml"/><Relationship Id="rId23" Type="http://schemas.openxmlformats.org/officeDocument/2006/relationships/slideLayout" Target="../slideLayouts/slideLayout254.xml"/><Relationship Id="rId28" Type="http://schemas.openxmlformats.org/officeDocument/2006/relationships/slideLayout" Target="../slideLayouts/slideLayout259.xml"/><Relationship Id="rId36" Type="http://schemas.openxmlformats.org/officeDocument/2006/relationships/slideLayout" Target="../slideLayouts/slideLayout267.xml"/><Relationship Id="rId49" Type="http://schemas.openxmlformats.org/officeDocument/2006/relationships/slideLayout" Target="../slideLayouts/slideLayout280.xml"/><Relationship Id="rId57" Type="http://schemas.openxmlformats.org/officeDocument/2006/relationships/slideLayout" Target="../slideLayouts/slideLayout288.xml"/><Relationship Id="rId10" Type="http://schemas.openxmlformats.org/officeDocument/2006/relationships/slideLayout" Target="../slideLayouts/slideLayout241.xml"/><Relationship Id="rId31" Type="http://schemas.openxmlformats.org/officeDocument/2006/relationships/slideLayout" Target="../slideLayouts/slideLayout262.xml"/><Relationship Id="rId44" Type="http://schemas.openxmlformats.org/officeDocument/2006/relationships/slideLayout" Target="../slideLayouts/slideLayout275.xml"/><Relationship Id="rId52" Type="http://schemas.openxmlformats.org/officeDocument/2006/relationships/slideLayout" Target="../slideLayouts/slideLayout283.xml"/><Relationship Id="rId60" Type="http://schemas.openxmlformats.org/officeDocument/2006/relationships/slideLayout" Target="../slideLayouts/slideLayout291.xml"/><Relationship Id="rId65" Type="http://schemas.openxmlformats.org/officeDocument/2006/relationships/slideLayout" Target="../slideLayouts/slideLayout296.xml"/><Relationship Id="rId73" Type="http://schemas.openxmlformats.org/officeDocument/2006/relationships/oleObject" Target="../embeddings/oleObject131.bin"/><Relationship Id="rId4" Type="http://schemas.openxmlformats.org/officeDocument/2006/relationships/slideLayout" Target="../slideLayouts/slideLayout235.xml"/><Relationship Id="rId9" Type="http://schemas.openxmlformats.org/officeDocument/2006/relationships/slideLayout" Target="../slideLayouts/slideLayout240.xml"/><Relationship Id="rId13" Type="http://schemas.openxmlformats.org/officeDocument/2006/relationships/slideLayout" Target="../slideLayouts/slideLayout244.xml"/><Relationship Id="rId18" Type="http://schemas.openxmlformats.org/officeDocument/2006/relationships/slideLayout" Target="../slideLayouts/slideLayout249.xml"/><Relationship Id="rId39" Type="http://schemas.openxmlformats.org/officeDocument/2006/relationships/slideLayout" Target="../slideLayouts/slideLayout270.xml"/><Relationship Id="rId34" Type="http://schemas.openxmlformats.org/officeDocument/2006/relationships/slideLayout" Target="../slideLayouts/slideLayout265.xml"/><Relationship Id="rId50" Type="http://schemas.openxmlformats.org/officeDocument/2006/relationships/slideLayout" Target="../slideLayouts/slideLayout281.xml"/><Relationship Id="rId55" Type="http://schemas.openxmlformats.org/officeDocument/2006/relationships/slideLayout" Target="../slideLayouts/slideLayout286.xml"/><Relationship Id="rId7" Type="http://schemas.openxmlformats.org/officeDocument/2006/relationships/slideLayout" Target="../slideLayouts/slideLayout238.xml"/><Relationship Id="rId71" Type="http://schemas.openxmlformats.org/officeDocument/2006/relationships/theme" Target="../theme/theme5.xml"/></Relationships>
</file>

<file path=ppt/slideMasters/_rels/slideMaster6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327.xml"/><Relationship Id="rId21" Type="http://schemas.openxmlformats.org/officeDocument/2006/relationships/slideLayout" Target="../slideLayouts/slideLayout322.xml"/><Relationship Id="rId42" Type="http://schemas.openxmlformats.org/officeDocument/2006/relationships/slideLayout" Target="../slideLayouts/slideLayout343.xml"/><Relationship Id="rId47" Type="http://schemas.openxmlformats.org/officeDocument/2006/relationships/slideLayout" Target="../slideLayouts/slideLayout348.xml"/><Relationship Id="rId63" Type="http://schemas.openxmlformats.org/officeDocument/2006/relationships/slideLayout" Target="../slideLayouts/slideLayout364.xml"/><Relationship Id="rId68" Type="http://schemas.openxmlformats.org/officeDocument/2006/relationships/slideLayout" Target="../slideLayouts/slideLayout369.xml"/><Relationship Id="rId16" Type="http://schemas.openxmlformats.org/officeDocument/2006/relationships/slideLayout" Target="../slideLayouts/slideLayout317.xml"/><Relationship Id="rId11" Type="http://schemas.openxmlformats.org/officeDocument/2006/relationships/slideLayout" Target="../slideLayouts/slideLayout312.xml"/><Relationship Id="rId24" Type="http://schemas.openxmlformats.org/officeDocument/2006/relationships/slideLayout" Target="../slideLayouts/slideLayout325.xml"/><Relationship Id="rId32" Type="http://schemas.openxmlformats.org/officeDocument/2006/relationships/slideLayout" Target="../slideLayouts/slideLayout333.xml"/><Relationship Id="rId37" Type="http://schemas.openxmlformats.org/officeDocument/2006/relationships/slideLayout" Target="../slideLayouts/slideLayout338.xml"/><Relationship Id="rId40" Type="http://schemas.openxmlformats.org/officeDocument/2006/relationships/slideLayout" Target="../slideLayouts/slideLayout341.xml"/><Relationship Id="rId45" Type="http://schemas.openxmlformats.org/officeDocument/2006/relationships/slideLayout" Target="../slideLayouts/slideLayout346.xml"/><Relationship Id="rId53" Type="http://schemas.openxmlformats.org/officeDocument/2006/relationships/slideLayout" Target="../slideLayouts/slideLayout354.xml"/><Relationship Id="rId58" Type="http://schemas.openxmlformats.org/officeDocument/2006/relationships/slideLayout" Target="../slideLayouts/slideLayout359.xml"/><Relationship Id="rId66" Type="http://schemas.openxmlformats.org/officeDocument/2006/relationships/slideLayout" Target="../slideLayouts/slideLayout367.xml"/><Relationship Id="rId74" Type="http://schemas.openxmlformats.org/officeDocument/2006/relationships/oleObject" Target="../embeddings/oleObject131.bin"/><Relationship Id="rId5" Type="http://schemas.openxmlformats.org/officeDocument/2006/relationships/slideLayout" Target="../slideLayouts/slideLayout306.xml"/><Relationship Id="rId61" Type="http://schemas.openxmlformats.org/officeDocument/2006/relationships/slideLayout" Target="../slideLayouts/slideLayout362.xml"/><Relationship Id="rId19" Type="http://schemas.openxmlformats.org/officeDocument/2006/relationships/slideLayout" Target="../slideLayouts/slideLayout320.xml"/><Relationship Id="rId14" Type="http://schemas.openxmlformats.org/officeDocument/2006/relationships/slideLayout" Target="../slideLayouts/slideLayout315.xml"/><Relationship Id="rId22" Type="http://schemas.openxmlformats.org/officeDocument/2006/relationships/slideLayout" Target="../slideLayouts/slideLayout323.xml"/><Relationship Id="rId27" Type="http://schemas.openxmlformats.org/officeDocument/2006/relationships/slideLayout" Target="../slideLayouts/slideLayout328.xml"/><Relationship Id="rId30" Type="http://schemas.openxmlformats.org/officeDocument/2006/relationships/slideLayout" Target="../slideLayouts/slideLayout331.xml"/><Relationship Id="rId35" Type="http://schemas.openxmlformats.org/officeDocument/2006/relationships/slideLayout" Target="../slideLayouts/slideLayout336.xml"/><Relationship Id="rId43" Type="http://schemas.openxmlformats.org/officeDocument/2006/relationships/slideLayout" Target="../slideLayouts/slideLayout344.xml"/><Relationship Id="rId48" Type="http://schemas.openxmlformats.org/officeDocument/2006/relationships/slideLayout" Target="../slideLayouts/slideLayout349.xml"/><Relationship Id="rId56" Type="http://schemas.openxmlformats.org/officeDocument/2006/relationships/slideLayout" Target="../slideLayouts/slideLayout357.xml"/><Relationship Id="rId64" Type="http://schemas.openxmlformats.org/officeDocument/2006/relationships/slideLayout" Target="../slideLayouts/slideLayout365.xml"/><Relationship Id="rId69" Type="http://schemas.openxmlformats.org/officeDocument/2006/relationships/slideLayout" Target="../slideLayouts/slideLayout370.xml"/><Relationship Id="rId77" Type="http://schemas.openxmlformats.org/officeDocument/2006/relationships/oleObject" Target="../embeddings/oleObject63.bin"/><Relationship Id="rId8" Type="http://schemas.openxmlformats.org/officeDocument/2006/relationships/slideLayout" Target="../slideLayouts/slideLayout309.xml"/><Relationship Id="rId51" Type="http://schemas.openxmlformats.org/officeDocument/2006/relationships/slideLayout" Target="../slideLayouts/slideLayout352.xml"/><Relationship Id="rId72" Type="http://schemas.openxmlformats.org/officeDocument/2006/relationships/tags" Target="../tags/tag240.xml"/><Relationship Id="rId3" Type="http://schemas.openxmlformats.org/officeDocument/2006/relationships/slideLayout" Target="../slideLayouts/slideLayout304.xml"/><Relationship Id="rId12" Type="http://schemas.openxmlformats.org/officeDocument/2006/relationships/slideLayout" Target="../slideLayouts/slideLayout313.xml"/><Relationship Id="rId17" Type="http://schemas.openxmlformats.org/officeDocument/2006/relationships/slideLayout" Target="../slideLayouts/slideLayout318.xml"/><Relationship Id="rId25" Type="http://schemas.openxmlformats.org/officeDocument/2006/relationships/slideLayout" Target="../slideLayouts/slideLayout326.xml"/><Relationship Id="rId33" Type="http://schemas.openxmlformats.org/officeDocument/2006/relationships/slideLayout" Target="../slideLayouts/slideLayout334.xml"/><Relationship Id="rId38" Type="http://schemas.openxmlformats.org/officeDocument/2006/relationships/slideLayout" Target="../slideLayouts/slideLayout339.xml"/><Relationship Id="rId46" Type="http://schemas.openxmlformats.org/officeDocument/2006/relationships/slideLayout" Target="../slideLayouts/slideLayout347.xml"/><Relationship Id="rId59" Type="http://schemas.openxmlformats.org/officeDocument/2006/relationships/slideLayout" Target="../slideLayouts/slideLayout360.xml"/><Relationship Id="rId67" Type="http://schemas.openxmlformats.org/officeDocument/2006/relationships/slideLayout" Target="../slideLayouts/slideLayout368.xml"/><Relationship Id="rId20" Type="http://schemas.openxmlformats.org/officeDocument/2006/relationships/slideLayout" Target="../slideLayouts/slideLayout321.xml"/><Relationship Id="rId41" Type="http://schemas.openxmlformats.org/officeDocument/2006/relationships/slideLayout" Target="../slideLayouts/slideLayout342.xml"/><Relationship Id="rId54" Type="http://schemas.openxmlformats.org/officeDocument/2006/relationships/slideLayout" Target="../slideLayouts/slideLayout355.xml"/><Relationship Id="rId62" Type="http://schemas.openxmlformats.org/officeDocument/2006/relationships/slideLayout" Target="../slideLayouts/slideLayout363.xml"/><Relationship Id="rId70" Type="http://schemas.openxmlformats.org/officeDocument/2006/relationships/slideLayout" Target="../slideLayouts/slideLayout371.xml"/><Relationship Id="rId75" Type="http://schemas.openxmlformats.org/officeDocument/2006/relationships/image" Target="../media/image5.emf"/><Relationship Id="rId1" Type="http://schemas.openxmlformats.org/officeDocument/2006/relationships/slideLayout" Target="../slideLayouts/slideLayout302.xml"/><Relationship Id="rId6" Type="http://schemas.openxmlformats.org/officeDocument/2006/relationships/slideLayout" Target="../slideLayouts/slideLayout307.xml"/><Relationship Id="rId15" Type="http://schemas.openxmlformats.org/officeDocument/2006/relationships/slideLayout" Target="../slideLayouts/slideLayout316.xml"/><Relationship Id="rId23" Type="http://schemas.openxmlformats.org/officeDocument/2006/relationships/slideLayout" Target="../slideLayouts/slideLayout324.xml"/><Relationship Id="rId28" Type="http://schemas.openxmlformats.org/officeDocument/2006/relationships/slideLayout" Target="../slideLayouts/slideLayout329.xml"/><Relationship Id="rId36" Type="http://schemas.openxmlformats.org/officeDocument/2006/relationships/slideLayout" Target="../slideLayouts/slideLayout337.xml"/><Relationship Id="rId49" Type="http://schemas.openxmlformats.org/officeDocument/2006/relationships/slideLayout" Target="../slideLayouts/slideLayout350.xml"/><Relationship Id="rId57" Type="http://schemas.openxmlformats.org/officeDocument/2006/relationships/slideLayout" Target="../slideLayouts/slideLayout358.xml"/><Relationship Id="rId10" Type="http://schemas.openxmlformats.org/officeDocument/2006/relationships/slideLayout" Target="../slideLayouts/slideLayout311.xml"/><Relationship Id="rId31" Type="http://schemas.openxmlformats.org/officeDocument/2006/relationships/slideLayout" Target="../slideLayouts/slideLayout332.xml"/><Relationship Id="rId44" Type="http://schemas.openxmlformats.org/officeDocument/2006/relationships/slideLayout" Target="../slideLayouts/slideLayout345.xml"/><Relationship Id="rId52" Type="http://schemas.openxmlformats.org/officeDocument/2006/relationships/slideLayout" Target="../slideLayouts/slideLayout353.xml"/><Relationship Id="rId60" Type="http://schemas.openxmlformats.org/officeDocument/2006/relationships/slideLayout" Target="../slideLayouts/slideLayout361.xml"/><Relationship Id="rId65" Type="http://schemas.openxmlformats.org/officeDocument/2006/relationships/slideLayout" Target="../slideLayouts/slideLayout366.xml"/><Relationship Id="rId73" Type="http://schemas.openxmlformats.org/officeDocument/2006/relationships/tags" Target="../tags/tag241.xml"/><Relationship Id="rId4" Type="http://schemas.openxmlformats.org/officeDocument/2006/relationships/slideLayout" Target="../slideLayouts/slideLayout305.xml"/><Relationship Id="rId9" Type="http://schemas.openxmlformats.org/officeDocument/2006/relationships/slideLayout" Target="../slideLayouts/slideLayout310.xml"/><Relationship Id="rId13" Type="http://schemas.openxmlformats.org/officeDocument/2006/relationships/slideLayout" Target="../slideLayouts/slideLayout314.xml"/><Relationship Id="rId18" Type="http://schemas.openxmlformats.org/officeDocument/2006/relationships/slideLayout" Target="../slideLayouts/slideLayout319.xml"/><Relationship Id="rId39" Type="http://schemas.openxmlformats.org/officeDocument/2006/relationships/slideLayout" Target="../slideLayouts/slideLayout340.xml"/><Relationship Id="rId34" Type="http://schemas.openxmlformats.org/officeDocument/2006/relationships/slideLayout" Target="../slideLayouts/slideLayout335.xml"/><Relationship Id="rId50" Type="http://schemas.openxmlformats.org/officeDocument/2006/relationships/slideLayout" Target="../slideLayouts/slideLayout351.xml"/><Relationship Id="rId55" Type="http://schemas.openxmlformats.org/officeDocument/2006/relationships/slideLayout" Target="../slideLayouts/slideLayout356.xml"/><Relationship Id="rId76" Type="http://schemas.openxmlformats.org/officeDocument/2006/relationships/image" Target="../media/image6.png"/><Relationship Id="rId7" Type="http://schemas.openxmlformats.org/officeDocument/2006/relationships/slideLayout" Target="../slideLayouts/slideLayout308.xml"/><Relationship Id="rId71" Type="http://schemas.openxmlformats.org/officeDocument/2006/relationships/theme" Target="../theme/theme6.xml"/><Relationship Id="rId2" Type="http://schemas.openxmlformats.org/officeDocument/2006/relationships/slideLayout" Target="../slideLayouts/slideLayout303.xml"/><Relationship Id="rId29" Type="http://schemas.openxmlformats.org/officeDocument/2006/relationships/slideLayout" Target="../slideLayouts/slideLayout330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 descr="Shape, arrow&#10;&#10;Description automatically generated">
            <a:extLst>
              <a:ext uri="{FF2B5EF4-FFF2-40B4-BE49-F238E27FC236}">
                <a16:creationId xmlns:a16="http://schemas.microsoft.com/office/drawing/2014/main" id="{98EAD15E-2A1A-4C19-AC68-D0F53DAADF45}"/>
              </a:ext>
            </a:extLst>
          </p:cNvPr>
          <p:cNvPicPr>
            <a:picLocks noChangeAspect="1"/>
          </p:cNvPicPr>
          <p:nvPr/>
        </p:nvPicPr>
        <p:blipFill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6528" y="0"/>
            <a:ext cx="2166151" cy="1300879"/>
          </a:xfrm>
          <a:prstGeom prst="rect">
            <a:avLst/>
          </a:prstGeom>
        </p:spPr>
      </p:pic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BAD7D676-B4F8-48EB-B367-859CF45C18A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608472"/>
            <a:ext cx="10515600" cy="1082216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66FF6C71-F40F-4671-AFBF-5A58A2E533C7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8B444DED-C5EE-4CDC-8FC8-CAFB0799D3D8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Gotham Light" pitchFamily="50" charset="0"/>
              </a:defRPr>
            </a:lvl1pPr>
          </a:lstStyle>
          <a:p>
            <a:fld id="{845320AC-DD4B-443B-9124-A76A02BBF0F0}" type="datetimeFigureOut">
              <a:rPr lang="en-IN" smtClean="0"/>
              <a:t>28-05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523BC5BF-C2AB-4841-BFB9-A557363C7B94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Gotham Light" pitchFamily="50" charset="0"/>
              </a:defRPr>
            </a:lvl1pPr>
          </a:lstStyle>
          <a:p>
            <a:endParaRPr lang="en-IN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1BC1D495-A765-4F07-8E58-B6461EC1945B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Gotham Light" pitchFamily="50" charset="0"/>
              </a:defRPr>
            </a:lvl1pPr>
          </a:lstStyle>
          <a:p>
            <a:fld id="{E7FF1D80-0C43-4B56-BCBD-119C695EDC96}" type="slidenum">
              <a:rPr lang="en-IN" smtClean="0"/>
              <a:t>‹#›</a:t>
            </a:fld>
            <a:endParaRPr lang="en-IN"/>
          </a:p>
        </p:txBody>
      </p:sp>
      <p:pic>
        <p:nvPicPr>
          <p:cNvPr id="7" name="Picture 6" descr="Logo&#10;&#10;Description automatically generated">
            <a:extLst>
              <a:ext uri="{FF2B5EF4-FFF2-40B4-BE49-F238E27FC236}">
                <a16:creationId xmlns:a16="http://schemas.microsoft.com/office/drawing/2014/main" id="{DA6DBABE-18F0-4D2A-BE61-E2A80C2C7EA1}"/>
              </a:ext>
            </a:extLst>
          </p:cNvPr>
          <p:cNvPicPr>
            <a:picLocks noChangeAspect="1"/>
          </p:cNvPicPr>
          <p:nvPr/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3245" y="194616"/>
            <a:ext cx="1399034" cy="413856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D4361EA0-C8CD-49C2-A00A-E559A8E5E62A}"/>
              </a:ext>
            </a:extLst>
          </p:cNvPr>
          <p:cNvPicPr>
            <a:picLocks noChangeAspect="1"/>
          </p:cNvPicPr>
          <p:nvPr/>
        </p:nvPicPr>
        <p:blipFill>
          <a:blip r:embed="rId1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082508" y="4515229"/>
            <a:ext cx="109491" cy="2342771"/>
          </a:xfrm>
          <a:prstGeom prst="rect">
            <a:avLst/>
          </a:prstGeom>
        </p:spPr>
      </p:pic>
      <p:pic>
        <p:nvPicPr>
          <p:cNvPr id="10" name="Picture 9" descr="Shape, arrow&#10;&#10;Description automatically generated">
            <a:extLst>
              <a:ext uri="{FF2B5EF4-FFF2-40B4-BE49-F238E27FC236}">
                <a16:creationId xmlns:a16="http://schemas.microsoft.com/office/drawing/2014/main" id="{0F64AF43-65F7-483F-9549-85DBC402E79A}"/>
              </a:ext>
            </a:extLst>
          </p:cNvPr>
          <p:cNvPicPr>
            <a:picLocks noChangeAspect="1"/>
          </p:cNvPicPr>
          <p:nvPr/>
        </p:nvPicPr>
        <p:blipFill rotWithShape="1"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507" t="1911" b="77716"/>
          <a:stretch/>
        </p:blipFill>
        <p:spPr>
          <a:xfrm>
            <a:off x="2233613" y="-1"/>
            <a:ext cx="9958387" cy="309563"/>
          </a:xfrm>
          <a:prstGeom prst="rect">
            <a:avLst/>
          </a:prstGeom>
          <a:effectLst/>
        </p:spPr>
      </p:pic>
    </p:spTree>
    <p:extLst>
      <p:ext uri="{BB962C8B-B14F-4D97-AF65-F5344CB8AC3E}">
        <p14:creationId xmlns:p14="http://schemas.microsoft.com/office/powerpoint/2010/main" val="16081182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Gotham" pitchFamily="50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Tx/>
        <a:buBlip>
          <a:blip r:embed="rId20"/>
        </a:buBlip>
        <a:defRPr sz="2800" kern="1200">
          <a:solidFill>
            <a:schemeClr val="tx1"/>
          </a:solidFill>
          <a:latin typeface="Gotham Light" pitchFamily="50" charset="0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Tx/>
        <a:buBlip>
          <a:blip r:embed="rId20"/>
        </a:buBlip>
        <a:defRPr sz="2400" kern="1200">
          <a:solidFill>
            <a:schemeClr val="tx1"/>
          </a:solidFill>
          <a:latin typeface="Gotham Light" pitchFamily="50" charset="0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Tx/>
        <a:buBlip>
          <a:blip r:embed="rId20"/>
        </a:buBlip>
        <a:defRPr sz="2000" kern="1200">
          <a:solidFill>
            <a:schemeClr val="tx1"/>
          </a:solidFill>
          <a:latin typeface="Gotham Light" pitchFamily="50" charset="0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Tx/>
        <a:buBlip>
          <a:blip r:embed="rId20"/>
        </a:buBlip>
        <a:defRPr sz="1800" kern="1200">
          <a:solidFill>
            <a:schemeClr val="tx1"/>
          </a:solidFill>
          <a:latin typeface="Gotham Light" pitchFamily="50" charset="0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Tx/>
        <a:buBlip>
          <a:blip r:embed="rId20"/>
        </a:buBlip>
        <a:defRPr sz="1800" kern="1200">
          <a:solidFill>
            <a:schemeClr val="tx1"/>
          </a:solidFill>
          <a:latin typeface="Gotham Light" pitchFamily="50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84"/>
            </p:custDataLst>
            <p:extLst>
              <p:ext uri="{D42A27DB-BD31-4B8C-83A1-F6EECF244321}">
                <p14:modId xmlns:p14="http://schemas.microsoft.com/office/powerpoint/2010/main" val="34032248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5" imgW="270" imgH="270" progId="TCLayout.ActiveDocument.1">
                  <p:embed/>
                </p:oleObj>
              </mc:Choice>
              <mc:Fallback>
                <p:oleObj name="think-cell Slide" r:id="rId8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8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/>
        </p:nvPicPr>
        <p:blipFill>
          <a:blip r:embed="rId8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6094213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7" r:id="rId1"/>
    <p:sldLayoutId id="2147483678" r:id="rId2"/>
    <p:sldLayoutId id="2147483679" r:id="rId3"/>
    <p:sldLayoutId id="2147483680" r:id="rId4"/>
    <p:sldLayoutId id="2147483681" r:id="rId5"/>
    <p:sldLayoutId id="2147483682" r:id="rId6"/>
    <p:sldLayoutId id="2147483683" r:id="rId7"/>
    <p:sldLayoutId id="2147483684" r:id="rId8"/>
    <p:sldLayoutId id="2147483685" r:id="rId9"/>
    <p:sldLayoutId id="2147483686" r:id="rId10"/>
    <p:sldLayoutId id="2147483687" r:id="rId11"/>
    <p:sldLayoutId id="2147483688" r:id="rId12"/>
    <p:sldLayoutId id="2147483689" r:id="rId13"/>
    <p:sldLayoutId id="2147483690" r:id="rId14"/>
    <p:sldLayoutId id="2147483691" r:id="rId15"/>
    <p:sldLayoutId id="2147483692" r:id="rId16"/>
    <p:sldLayoutId id="2147483693" r:id="rId17"/>
    <p:sldLayoutId id="2147483694" r:id="rId18"/>
    <p:sldLayoutId id="2147483695" r:id="rId19"/>
    <p:sldLayoutId id="2147483696" r:id="rId20"/>
    <p:sldLayoutId id="2147483697" r:id="rId21"/>
    <p:sldLayoutId id="2147483698" r:id="rId22"/>
    <p:sldLayoutId id="2147483699" r:id="rId23"/>
    <p:sldLayoutId id="2147483700" r:id="rId24"/>
    <p:sldLayoutId id="2147483701" r:id="rId25"/>
    <p:sldLayoutId id="2147483702" r:id="rId26"/>
    <p:sldLayoutId id="2147483703" r:id="rId27"/>
    <p:sldLayoutId id="2147483704" r:id="rId28"/>
    <p:sldLayoutId id="2147483705" r:id="rId29"/>
    <p:sldLayoutId id="2147483706" r:id="rId30"/>
    <p:sldLayoutId id="2147483707" r:id="rId31"/>
    <p:sldLayoutId id="2147483708" r:id="rId32"/>
    <p:sldLayoutId id="2147483709" r:id="rId33"/>
    <p:sldLayoutId id="2147483710" r:id="rId34"/>
    <p:sldLayoutId id="2147483711" r:id="rId35"/>
    <p:sldLayoutId id="2147483712" r:id="rId36"/>
    <p:sldLayoutId id="2147483713" r:id="rId37"/>
    <p:sldLayoutId id="2147483714" r:id="rId38"/>
    <p:sldLayoutId id="2147483715" r:id="rId39"/>
    <p:sldLayoutId id="2147483716" r:id="rId40"/>
    <p:sldLayoutId id="2147483717" r:id="rId41"/>
    <p:sldLayoutId id="2147483718" r:id="rId42"/>
    <p:sldLayoutId id="2147483719" r:id="rId43"/>
    <p:sldLayoutId id="2147483720" r:id="rId44"/>
    <p:sldLayoutId id="2147483721" r:id="rId45"/>
    <p:sldLayoutId id="2147483722" r:id="rId46"/>
    <p:sldLayoutId id="2147483723" r:id="rId47"/>
    <p:sldLayoutId id="2147483724" r:id="rId48"/>
    <p:sldLayoutId id="2147483725" r:id="rId49"/>
    <p:sldLayoutId id="2147483726" r:id="rId50"/>
    <p:sldLayoutId id="2147483727" r:id="rId51"/>
    <p:sldLayoutId id="2147483728" r:id="rId52"/>
    <p:sldLayoutId id="2147483729" r:id="rId53"/>
    <p:sldLayoutId id="2147483730" r:id="rId54"/>
    <p:sldLayoutId id="2147483731" r:id="rId55"/>
    <p:sldLayoutId id="2147483732" r:id="rId56"/>
    <p:sldLayoutId id="2147483733" r:id="rId57"/>
    <p:sldLayoutId id="2147483734" r:id="rId58"/>
    <p:sldLayoutId id="2147483735" r:id="rId59"/>
    <p:sldLayoutId id="2147483736" r:id="rId60"/>
    <p:sldLayoutId id="2147483737" r:id="rId61"/>
    <p:sldLayoutId id="2147483738" r:id="rId62"/>
    <p:sldLayoutId id="2147483739" r:id="rId63"/>
    <p:sldLayoutId id="2147483740" r:id="rId64"/>
    <p:sldLayoutId id="2147483741" r:id="rId65"/>
    <p:sldLayoutId id="2147483742" r:id="rId66"/>
    <p:sldLayoutId id="2147483743" r:id="rId67"/>
    <p:sldLayoutId id="2147483744" r:id="rId68"/>
    <p:sldLayoutId id="2147483745" r:id="rId69"/>
    <p:sldLayoutId id="2147483746" r:id="rId70"/>
    <p:sldLayoutId id="2147483747" r:id="rId71"/>
    <p:sldLayoutId id="2147483748" r:id="rId72"/>
    <p:sldLayoutId id="2147483749" r:id="rId73"/>
    <p:sldLayoutId id="2147483750" r:id="rId74"/>
    <p:sldLayoutId id="2147483751" r:id="rId75"/>
    <p:sldLayoutId id="2147483752" r:id="rId76"/>
    <p:sldLayoutId id="2147483753" r:id="rId77"/>
    <p:sldLayoutId id="2147483754" r:id="rId78"/>
    <p:sldLayoutId id="2147483755" r:id="rId79"/>
    <p:sldLayoutId id="2147483756" r:id="rId80"/>
    <p:sldLayoutId id="2147483757" r:id="rId81"/>
    <p:sldLayoutId id="2147483758" r:id="rId82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67"/>
            </p:custDataLst>
            <p:extLst>
              <p:ext uri="{D42A27DB-BD31-4B8C-83A1-F6EECF244321}">
                <p14:modId xmlns:p14="http://schemas.microsoft.com/office/powerpoint/2010/main" val="1528613287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0" imgW="270" imgH="270" progId="TCLayout.ActiveDocument.1">
                  <p:embed/>
                </p:oleObj>
              </mc:Choice>
              <mc:Fallback>
                <p:oleObj name="think-cell Slide" r:id="rId70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1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2EE184B4-ACE5-4A32-8329-3DC15D43363E}"/>
              </a:ext>
            </a:extLst>
          </p:cNvPr>
          <p:cNvSpPr/>
          <p:nvPr>
            <p:custDataLst>
              <p:tags r:id="rId68"/>
            </p:custDataLst>
          </p:nvPr>
        </p:nvSpPr>
        <p:spPr>
          <a:xfrm>
            <a:off x="1" y="0"/>
            <a:ext cx="158751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18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1226017" y="6655953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ct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ct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1" y="705902"/>
            <a:ext cx="10933351" cy="2492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1" y="1825625"/>
            <a:ext cx="10933351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34" name="Freeform: Shape 33">
            <a:extLst>
              <a:ext uri="{FF2B5EF4-FFF2-40B4-BE49-F238E27FC236}">
                <a16:creationId xmlns:a16="http://schemas.microsoft.com/office/drawing/2014/main" id="{67EF114D-3EA5-4DF7-9E6B-20D74BA1F34A}"/>
              </a:ext>
            </a:extLst>
          </p:cNvPr>
          <p:cNvSpPr/>
          <p:nvPr/>
        </p:nvSpPr>
        <p:spPr bwMode="black">
          <a:xfrm>
            <a:off x="-4499" y="6530852"/>
            <a:ext cx="11238900" cy="327148"/>
          </a:xfrm>
          <a:custGeom>
            <a:avLst/>
            <a:gdLst>
              <a:gd name="connsiteX0" fmla="*/ 0 w 9159302"/>
              <a:gd name="connsiteY0" fmla="*/ 0 h 353482"/>
              <a:gd name="connsiteX1" fmla="*/ 9159302 w 9159302"/>
              <a:gd name="connsiteY1" fmla="*/ 0 h 353482"/>
              <a:gd name="connsiteX2" fmla="*/ 9070932 w 9159302"/>
              <a:gd name="connsiteY2" fmla="*/ 353482 h 353482"/>
              <a:gd name="connsiteX3" fmla="*/ 0 w 9159302"/>
              <a:gd name="connsiteY3" fmla="*/ 353482 h 353482"/>
              <a:gd name="connsiteX4" fmla="*/ 0 w 9159302"/>
              <a:gd name="connsiteY4" fmla="*/ 0 h 35348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9159302" h="353482">
                <a:moveTo>
                  <a:pt x="0" y="0"/>
                </a:moveTo>
                <a:lnTo>
                  <a:pt x="9159302" y="0"/>
                </a:lnTo>
                <a:lnTo>
                  <a:pt x="9070932" y="353482"/>
                </a:lnTo>
                <a:lnTo>
                  <a:pt x="0" y="353482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6000">
                <a:schemeClr val="accent3">
                  <a:lumMod val="60000"/>
                  <a:lumOff val="4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5" name="Freeform: Shape 34">
            <a:extLst>
              <a:ext uri="{FF2B5EF4-FFF2-40B4-BE49-F238E27FC236}">
                <a16:creationId xmlns:a16="http://schemas.microsoft.com/office/drawing/2014/main" id="{48E33551-5CF0-4F9A-A82B-A1843D528D49}"/>
              </a:ext>
            </a:extLst>
          </p:cNvPr>
          <p:cNvSpPr/>
          <p:nvPr/>
        </p:nvSpPr>
        <p:spPr bwMode="black">
          <a:xfrm>
            <a:off x="11563349" y="6530852"/>
            <a:ext cx="628651" cy="327148"/>
          </a:xfrm>
          <a:custGeom>
            <a:avLst/>
            <a:gdLst>
              <a:gd name="connsiteX0" fmla="*/ 110363 w 628650"/>
              <a:gd name="connsiteY0" fmla="*/ 0 h 327148"/>
              <a:gd name="connsiteX1" fmla="*/ 628650 w 628650"/>
              <a:gd name="connsiteY1" fmla="*/ 0 h 327148"/>
              <a:gd name="connsiteX2" fmla="*/ 628650 w 628650"/>
              <a:gd name="connsiteY2" fmla="*/ 327148 h 327148"/>
              <a:gd name="connsiteX3" fmla="*/ 0 w 628650"/>
              <a:gd name="connsiteY3" fmla="*/ 327148 h 32714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28650" h="327148">
                <a:moveTo>
                  <a:pt x="110363" y="0"/>
                </a:moveTo>
                <a:lnTo>
                  <a:pt x="628650" y="0"/>
                </a:lnTo>
                <a:lnTo>
                  <a:pt x="628650" y="327148"/>
                </a:lnTo>
                <a:lnTo>
                  <a:pt x="0" y="327148"/>
                </a:lnTo>
                <a:close/>
              </a:path>
            </a:pathLst>
          </a:custGeom>
          <a:solidFill>
            <a:srgbClr val="E71C5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15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graphicFrame>
        <p:nvGraphicFramePr>
          <p:cNvPr id="10" name="Object 9" hidden="1">
            <a:extLst>
              <a:ext uri="{FF2B5EF4-FFF2-40B4-BE49-F238E27FC236}">
                <a16:creationId xmlns:a16="http://schemas.microsoft.com/office/drawing/2014/main" id="{7862A884-AE20-4C0D-B93C-B4098C14241B}"/>
              </a:ext>
            </a:extLst>
          </p:cNvPr>
          <p:cNvGraphicFramePr>
            <a:graphicFrameLocks noChangeAspect="1"/>
          </p:cNvGraphicFramePr>
          <p:nvPr>
            <p:custDataLst>
              <p:tags r:id="rId69"/>
            </p:custDataLst>
            <p:extLst>
              <p:ext uri="{D42A27DB-BD31-4B8C-83A1-F6EECF244321}">
                <p14:modId xmlns:p14="http://schemas.microsoft.com/office/powerpoint/2010/main" val="119414176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2" imgW="270" imgH="270" progId="TCLayout.ActiveDocument.1">
                  <p:embed/>
                </p:oleObj>
              </mc:Choice>
              <mc:Fallback>
                <p:oleObj name="think-cell Slide" r:id="rId72" imgW="270" imgH="270" progId="TCLayout.ActiveDocument.1">
                  <p:embed/>
                  <p:pic>
                    <p:nvPicPr>
                      <p:cNvPr id="10" name="Object 9" hidden="1">
                        <a:extLst>
                          <a:ext uri="{FF2B5EF4-FFF2-40B4-BE49-F238E27FC236}">
                            <a16:creationId xmlns:a16="http://schemas.microsoft.com/office/drawing/2014/main" id="{7862A884-AE20-4C0D-B93C-B4098C14241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1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extBox 10">
            <a:extLst>
              <a:ext uri="{FF2B5EF4-FFF2-40B4-BE49-F238E27FC236}">
                <a16:creationId xmlns:a16="http://schemas.microsoft.com/office/drawing/2014/main" id="{753CD7C5-0C1C-41FE-ACD8-28CCD6851BEE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8320827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60" r:id="rId1"/>
    <p:sldLayoutId id="2147483761" r:id="rId2"/>
    <p:sldLayoutId id="2147483762" r:id="rId3"/>
    <p:sldLayoutId id="2147483763" r:id="rId4"/>
    <p:sldLayoutId id="2147483764" r:id="rId5"/>
    <p:sldLayoutId id="2147483765" r:id="rId6"/>
    <p:sldLayoutId id="2147483766" r:id="rId7"/>
    <p:sldLayoutId id="2147483767" r:id="rId8"/>
    <p:sldLayoutId id="2147483768" r:id="rId9"/>
    <p:sldLayoutId id="2147483769" r:id="rId10"/>
    <p:sldLayoutId id="2147483770" r:id="rId11"/>
    <p:sldLayoutId id="2147483771" r:id="rId12"/>
    <p:sldLayoutId id="2147483772" r:id="rId13"/>
    <p:sldLayoutId id="2147483773" r:id="rId14"/>
    <p:sldLayoutId id="2147483774" r:id="rId15"/>
    <p:sldLayoutId id="2147483775" r:id="rId16"/>
    <p:sldLayoutId id="2147483776" r:id="rId17"/>
    <p:sldLayoutId id="2147483777" r:id="rId18"/>
    <p:sldLayoutId id="2147483778" r:id="rId19"/>
    <p:sldLayoutId id="2147483779" r:id="rId20"/>
    <p:sldLayoutId id="2147483780" r:id="rId21"/>
    <p:sldLayoutId id="2147483781" r:id="rId22"/>
    <p:sldLayoutId id="2147483782" r:id="rId23"/>
    <p:sldLayoutId id="2147483783" r:id="rId24"/>
    <p:sldLayoutId id="2147483784" r:id="rId25"/>
    <p:sldLayoutId id="2147483785" r:id="rId26"/>
    <p:sldLayoutId id="2147483786" r:id="rId27"/>
    <p:sldLayoutId id="2147483787" r:id="rId28"/>
    <p:sldLayoutId id="2147483788" r:id="rId29"/>
    <p:sldLayoutId id="2147483789" r:id="rId30"/>
    <p:sldLayoutId id="2147483790" r:id="rId31"/>
    <p:sldLayoutId id="2147483791" r:id="rId32"/>
    <p:sldLayoutId id="2147483792" r:id="rId33"/>
    <p:sldLayoutId id="2147483793" r:id="rId34"/>
    <p:sldLayoutId id="2147483794" r:id="rId35"/>
    <p:sldLayoutId id="2147483795" r:id="rId36"/>
    <p:sldLayoutId id="2147483796" r:id="rId37"/>
    <p:sldLayoutId id="2147483797" r:id="rId38"/>
    <p:sldLayoutId id="2147483798" r:id="rId39"/>
    <p:sldLayoutId id="2147483799" r:id="rId40"/>
    <p:sldLayoutId id="2147483800" r:id="rId41"/>
    <p:sldLayoutId id="2147483801" r:id="rId42"/>
    <p:sldLayoutId id="2147483802" r:id="rId43"/>
    <p:sldLayoutId id="2147483803" r:id="rId44"/>
    <p:sldLayoutId id="2147483804" r:id="rId45"/>
    <p:sldLayoutId id="2147483805" r:id="rId46"/>
    <p:sldLayoutId id="2147483806" r:id="rId47"/>
    <p:sldLayoutId id="2147483807" r:id="rId48"/>
    <p:sldLayoutId id="2147483808" r:id="rId49"/>
    <p:sldLayoutId id="2147483809" r:id="rId50"/>
    <p:sldLayoutId id="2147483810" r:id="rId51"/>
    <p:sldLayoutId id="2147483811" r:id="rId52"/>
    <p:sldLayoutId id="2147483812" r:id="rId53"/>
    <p:sldLayoutId id="2147483813" r:id="rId54"/>
    <p:sldLayoutId id="2147483814" r:id="rId55"/>
    <p:sldLayoutId id="2147483815" r:id="rId56"/>
    <p:sldLayoutId id="2147483816" r:id="rId57"/>
    <p:sldLayoutId id="2147483817" r:id="rId58"/>
    <p:sldLayoutId id="2147483818" r:id="rId59"/>
    <p:sldLayoutId id="2147483819" r:id="rId60"/>
    <p:sldLayoutId id="2147483820" r:id="rId61"/>
    <p:sldLayoutId id="2147483821" r:id="rId62"/>
    <p:sldLayoutId id="2147483822" r:id="rId63"/>
    <p:sldLayoutId id="2147483823" r:id="rId64"/>
    <p:sldLayoutId id="2147483824" r:id="rId6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685800" rtl="0" eaLnBrk="1" latinLnBrk="0" hangingPunct="1">
        <a:lnSpc>
          <a:spcPct val="110000"/>
        </a:lnSpc>
        <a:spcBef>
          <a:spcPts val="450"/>
        </a:spcBef>
        <a:spcAft>
          <a:spcPts val="225"/>
        </a:spcAft>
        <a:buFont typeface="Arial" panose="020B0604020202020204" pitchFamily="34" charset="0"/>
        <a:buChar char="​"/>
        <a:defRPr lang="en-US" sz="9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13300" indent="-129600" algn="l" defTabSz="685800" rtl="0" eaLnBrk="1" latinLnBrk="0" hangingPunct="1">
        <a:lnSpc>
          <a:spcPct val="90000"/>
        </a:lnSpc>
        <a:spcBef>
          <a:spcPts val="0"/>
        </a:spcBef>
        <a:spcAft>
          <a:spcPts val="225"/>
        </a:spcAft>
        <a:buClr>
          <a:schemeClr val="tx2"/>
        </a:buClr>
        <a:buFont typeface="Arial" panose="020B0604020202020204" pitchFamily="34" charset="0"/>
        <a:buChar char="•"/>
        <a:defRPr lang="en-US" sz="9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383400" indent="-124200" algn="l" defTabSz="685800" rtl="0" eaLnBrk="1" latinLnBrk="0" hangingPunct="1">
        <a:lnSpc>
          <a:spcPct val="90000"/>
        </a:lnSpc>
        <a:spcBef>
          <a:spcPts val="0"/>
        </a:spcBef>
        <a:spcAft>
          <a:spcPts val="225"/>
        </a:spcAft>
        <a:buClr>
          <a:schemeClr val="tx2"/>
        </a:buClr>
        <a:buFont typeface="Trebuchet MS" panose="020B0603020202020204" pitchFamily="34" charset="0"/>
        <a:buChar char="–"/>
        <a:defRPr lang="en-US" sz="9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685800" rtl="0" eaLnBrk="1" latinLnBrk="0" hangingPunct="1">
        <a:lnSpc>
          <a:spcPct val="110000"/>
        </a:lnSpc>
        <a:spcBef>
          <a:spcPts val="225"/>
        </a:spcBef>
        <a:spcAft>
          <a:spcPts val="225"/>
        </a:spcAft>
        <a:buClr>
          <a:schemeClr val="tx2"/>
        </a:buClr>
        <a:buFont typeface="Arial" panose="020B0604020202020204" pitchFamily="34" charset="0"/>
        <a:buChar char="​"/>
        <a:defRPr lang="en-US" sz="12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685800" rtl="0" eaLnBrk="1" latinLnBrk="0" hangingPunct="1">
        <a:lnSpc>
          <a:spcPct val="100000"/>
        </a:lnSpc>
        <a:spcBef>
          <a:spcPts val="0"/>
        </a:spcBef>
        <a:spcAft>
          <a:spcPts val="225"/>
        </a:spcAft>
        <a:buClrTx/>
        <a:buFont typeface="Arial" panose="020B0604020202020204" pitchFamily="34" charset="0"/>
        <a:buChar char="​"/>
        <a:defRPr lang="en-US" sz="12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02406" indent="-114300" algn="l" defTabSz="685800" rtl="0" eaLnBrk="1" latinLnBrk="0" hangingPunct="1">
        <a:lnSpc>
          <a:spcPct val="90000"/>
        </a:lnSpc>
        <a:spcBef>
          <a:spcPts val="0"/>
        </a:spcBef>
        <a:spcAft>
          <a:spcPts val="450"/>
        </a:spcAft>
        <a:buClr>
          <a:schemeClr val="tx2"/>
        </a:buClr>
        <a:buFont typeface="Arial" panose="020B0604020202020204" pitchFamily="34" charset="0"/>
        <a:buChar char="•"/>
        <a:defRPr lang="en-US" sz="12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685800" rtl="0" eaLnBrk="1" latinLnBrk="0" hangingPunct="1">
        <a:lnSpc>
          <a:spcPct val="90000"/>
        </a:lnSpc>
        <a:spcBef>
          <a:spcPts val="675"/>
        </a:spcBef>
        <a:spcAft>
          <a:spcPts val="675"/>
        </a:spcAft>
        <a:buFont typeface="Arial" panose="020B0604020202020204" pitchFamily="34" charset="0"/>
        <a:buChar char="​"/>
        <a:defRPr lang="en-US" sz="33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685800" rtl="0" eaLnBrk="1" latinLnBrk="0" hangingPunct="1">
        <a:lnSpc>
          <a:spcPct val="90000"/>
        </a:lnSpc>
        <a:spcBef>
          <a:spcPts val="675"/>
        </a:spcBef>
        <a:spcAft>
          <a:spcPts val="0"/>
        </a:spcAft>
        <a:buFont typeface="Arial" panose="020B0604020202020204" pitchFamily="34" charset="0"/>
        <a:buChar char="​"/>
        <a:defRPr lang="en-US" sz="405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685800" rtl="0" eaLnBrk="1" latinLnBrk="0" hangingPunct="1">
        <a:lnSpc>
          <a:spcPct val="100000"/>
        </a:lnSpc>
        <a:spcBef>
          <a:spcPts val="0"/>
        </a:spcBef>
        <a:spcAft>
          <a:spcPts val="675"/>
        </a:spcAft>
        <a:buFont typeface="Arial" panose="020B0604020202020204" pitchFamily="34" charset="0"/>
        <a:buChar char="​"/>
        <a:defRPr lang="en-US" sz="18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296">
          <p15:clr>
            <a:srgbClr val="F26B43"/>
          </p15:clr>
        </p15:guide>
        <p15:guide id="4" orient="horz" pos="3888">
          <p15:clr>
            <a:srgbClr val="F26B43"/>
          </p15:clr>
        </p15:guide>
        <p15:guide id="5" orient="horz" pos="1311">
          <p15:clr>
            <a:srgbClr val="F26B43"/>
          </p15:clr>
        </p15:guide>
        <p15:guide id="6" pos="297">
          <p15:clr>
            <a:srgbClr val="F26B43"/>
          </p15:clr>
        </p15:guide>
        <p15:guide id="7" pos="5463">
          <p15:clr>
            <a:srgbClr val="F26B43"/>
          </p15:clr>
        </p15:guide>
        <p15:guide id="8" orient="horz" pos="3881">
          <p15:clr>
            <a:srgbClr val="F26B43"/>
          </p15:clr>
        </p15:guide>
      </p15:sldGuideLst>
    </p:ext>
  </p:extLst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71"/>
            </p:custDataLst>
            <p:extLst>
              <p:ext uri="{D42A27DB-BD31-4B8C-83A1-F6EECF244321}">
                <p14:modId xmlns:p14="http://schemas.microsoft.com/office/powerpoint/2010/main" val="423919361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2" imgW="270" imgH="270" progId="TCLayout.ActiveDocument.1">
                  <p:embed/>
                </p:oleObj>
              </mc:Choice>
              <mc:Fallback>
                <p:oleObj name="think-cell Slide" r:id="rId72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/>
        </p:nvPicPr>
        <p:blipFill>
          <a:blip r:embed="rId7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5093602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26" r:id="rId1"/>
    <p:sldLayoutId id="2147483827" r:id="rId2"/>
    <p:sldLayoutId id="2147483828" r:id="rId3"/>
    <p:sldLayoutId id="2147483829" r:id="rId4"/>
    <p:sldLayoutId id="2147483830" r:id="rId5"/>
    <p:sldLayoutId id="2147483831" r:id="rId6"/>
    <p:sldLayoutId id="2147483832" r:id="rId7"/>
    <p:sldLayoutId id="2147483833" r:id="rId8"/>
    <p:sldLayoutId id="2147483834" r:id="rId9"/>
    <p:sldLayoutId id="2147483835" r:id="rId10"/>
    <p:sldLayoutId id="2147483836" r:id="rId11"/>
    <p:sldLayoutId id="2147483837" r:id="rId12"/>
    <p:sldLayoutId id="2147483838" r:id="rId13"/>
    <p:sldLayoutId id="2147483839" r:id="rId14"/>
    <p:sldLayoutId id="2147483840" r:id="rId15"/>
    <p:sldLayoutId id="2147483841" r:id="rId16"/>
    <p:sldLayoutId id="2147483842" r:id="rId17"/>
    <p:sldLayoutId id="2147483843" r:id="rId18"/>
    <p:sldLayoutId id="2147483844" r:id="rId19"/>
    <p:sldLayoutId id="2147483845" r:id="rId20"/>
    <p:sldLayoutId id="2147483846" r:id="rId21"/>
    <p:sldLayoutId id="2147483847" r:id="rId22"/>
    <p:sldLayoutId id="2147483848" r:id="rId23"/>
    <p:sldLayoutId id="2147483849" r:id="rId24"/>
    <p:sldLayoutId id="2147483850" r:id="rId25"/>
    <p:sldLayoutId id="2147483851" r:id="rId26"/>
    <p:sldLayoutId id="2147483852" r:id="rId27"/>
    <p:sldLayoutId id="2147483853" r:id="rId28"/>
    <p:sldLayoutId id="2147483854" r:id="rId29"/>
    <p:sldLayoutId id="2147483855" r:id="rId30"/>
    <p:sldLayoutId id="2147483856" r:id="rId31"/>
    <p:sldLayoutId id="2147483857" r:id="rId32"/>
    <p:sldLayoutId id="2147483858" r:id="rId33"/>
    <p:sldLayoutId id="2147483859" r:id="rId34"/>
    <p:sldLayoutId id="2147483860" r:id="rId35"/>
    <p:sldLayoutId id="2147483861" r:id="rId36"/>
    <p:sldLayoutId id="2147483862" r:id="rId37"/>
    <p:sldLayoutId id="2147483863" r:id="rId38"/>
    <p:sldLayoutId id="2147483864" r:id="rId39"/>
    <p:sldLayoutId id="2147483865" r:id="rId40"/>
    <p:sldLayoutId id="2147483866" r:id="rId41"/>
    <p:sldLayoutId id="2147483867" r:id="rId42"/>
    <p:sldLayoutId id="2147483868" r:id="rId43"/>
    <p:sldLayoutId id="2147483869" r:id="rId44"/>
    <p:sldLayoutId id="2147483870" r:id="rId45"/>
    <p:sldLayoutId id="2147483871" r:id="rId46"/>
    <p:sldLayoutId id="2147483872" r:id="rId47"/>
    <p:sldLayoutId id="2147483873" r:id="rId48"/>
    <p:sldLayoutId id="2147483874" r:id="rId49"/>
    <p:sldLayoutId id="2147483875" r:id="rId50"/>
    <p:sldLayoutId id="2147483876" r:id="rId51"/>
    <p:sldLayoutId id="2147483877" r:id="rId52"/>
    <p:sldLayoutId id="2147483878" r:id="rId53"/>
    <p:sldLayoutId id="2147483879" r:id="rId54"/>
    <p:sldLayoutId id="2147483880" r:id="rId55"/>
    <p:sldLayoutId id="2147483881" r:id="rId56"/>
    <p:sldLayoutId id="2147483882" r:id="rId57"/>
    <p:sldLayoutId id="2147483883" r:id="rId58"/>
    <p:sldLayoutId id="2147483884" r:id="rId59"/>
    <p:sldLayoutId id="2147483885" r:id="rId60"/>
    <p:sldLayoutId id="2147483886" r:id="rId61"/>
    <p:sldLayoutId id="2147483887" r:id="rId62"/>
    <p:sldLayoutId id="2147483888" r:id="rId63"/>
    <p:sldLayoutId id="2147483889" r:id="rId64"/>
    <p:sldLayoutId id="2147483890" r:id="rId65"/>
    <p:sldLayoutId id="2147483891" r:id="rId66"/>
    <p:sldLayoutId id="2147483892" r:id="rId67"/>
    <p:sldLayoutId id="2147483893" r:id="rId68"/>
    <p:sldLayoutId id="2147483894" r:id="rId69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72"/>
            </p:custDataLst>
            <p:extLst>
              <p:ext uri="{D42A27DB-BD31-4B8C-83A1-F6EECF244321}">
                <p14:modId xmlns:p14="http://schemas.microsoft.com/office/powerpoint/2010/main" val="423919361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3" imgW="270" imgH="270" progId="TCLayout.ActiveDocument.1">
                  <p:embed/>
                </p:oleObj>
              </mc:Choice>
              <mc:Fallback>
                <p:oleObj name="think-cell Slide" r:id="rId7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fld id="{AC3312C5-EFF4-47B0-B4A9-3F5E27BC8EC7}" type="datetimeFigureOut">
              <a:rPr lang="en-IN" smtClean="0"/>
              <a:t>28-05-2025</a:t>
            </a:fld>
            <a:endParaRPr lang="en-IN"/>
          </a:p>
        </p:txBody>
      </p:sp>
      <p:pic>
        <p:nvPicPr>
          <p:cNvPr id="19" name="Picture 18"/>
          <p:cNvPicPr>
            <a:picLocks noChangeAspect="1"/>
          </p:cNvPicPr>
          <p:nvPr/>
        </p:nvPicPr>
        <p:blipFill>
          <a:blip r:embed="rId7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9550167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96" r:id="rId1"/>
    <p:sldLayoutId id="2147483897" r:id="rId2"/>
    <p:sldLayoutId id="2147483898" r:id="rId3"/>
    <p:sldLayoutId id="2147483899" r:id="rId4"/>
    <p:sldLayoutId id="2147483900" r:id="rId5"/>
    <p:sldLayoutId id="2147483901" r:id="rId6"/>
    <p:sldLayoutId id="2147483902" r:id="rId7"/>
    <p:sldLayoutId id="2147483903" r:id="rId8"/>
    <p:sldLayoutId id="2147483904" r:id="rId9"/>
    <p:sldLayoutId id="2147483905" r:id="rId10"/>
    <p:sldLayoutId id="2147483906" r:id="rId11"/>
    <p:sldLayoutId id="2147483907" r:id="rId12"/>
    <p:sldLayoutId id="2147483908" r:id="rId13"/>
    <p:sldLayoutId id="2147483909" r:id="rId14"/>
    <p:sldLayoutId id="2147483910" r:id="rId15"/>
    <p:sldLayoutId id="2147483911" r:id="rId16"/>
    <p:sldLayoutId id="2147483912" r:id="rId17"/>
    <p:sldLayoutId id="2147483913" r:id="rId18"/>
    <p:sldLayoutId id="2147483914" r:id="rId19"/>
    <p:sldLayoutId id="2147483915" r:id="rId20"/>
    <p:sldLayoutId id="2147483916" r:id="rId21"/>
    <p:sldLayoutId id="2147483917" r:id="rId22"/>
    <p:sldLayoutId id="2147483918" r:id="rId23"/>
    <p:sldLayoutId id="2147483919" r:id="rId24"/>
    <p:sldLayoutId id="2147483920" r:id="rId25"/>
    <p:sldLayoutId id="2147483921" r:id="rId26"/>
    <p:sldLayoutId id="2147483922" r:id="rId27"/>
    <p:sldLayoutId id="2147483923" r:id="rId28"/>
    <p:sldLayoutId id="2147483924" r:id="rId29"/>
    <p:sldLayoutId id="2147483925" r:id="rId30"/>
    <p:sldLayoutId id="2147483926" r:id="rId31"/>
    <p:sldLayoutId id="2147483927" r:id="rId32"/>
    <p:sldLayoutId id="2147483928" r:id="rId33"/>
    <p:sldLayoutId id="2147483929" r:id="rId34"/>
    <p:sldLayoutId id="2147483930" r:id="rId35"/>
    <p:sldLayoutId id="2147483931" r:id="rId36"/>
    <p:sldLayoutId id="2147483932" r:id="rId37"/>
    <p:sldLayoutId id="2147483933" r:id="rId38"/>
    <p:sldLayoutId id="2147483934" r:id="rId39"/>
    <p:sldLayoutId id="2147483935" r:id="rId40"/>
    <p:sldLayoutId id="2147483936" r:id="rId41"/>
    <p:sldLayoutId id="2147483937" r:id="rId42"/>
    <p:sldLayoutId id="2147483938" r:id="rId43"/>
    <p:sldLayoutId id="2147483939" r:id="rId44"/>
    <p:sldLayoutId id="2147483940" r:id="rId45"/>
    <p:sldLayoutId id="2147483941" r:id="rId46"/>
    <p:sldLayoutId id="2147483942" r:id="rId47"/>
    <p:sldLayoutId id="2147483943" r:id="rId48"/>
    <p:sldLayoutId id="2147483944" r:id="rId49"/>
    <p:sldLayoutId id="2147483945" r:id="rId50"/>
    <p:sldLayoutId id="2147483946" r:id="rId51"/>
    <p:sldLayoutId id="2147483947" r:id="rId52"/>
    <p:sldLayoutId id="2147483948" r:id="rId53"/>
    <p:sldLayoutId id="2147483949" r:id="rId54"/>
    <p:sldLayoutId id="2147483950" r:id="rId55"/>
    <p:sldLayoutId id="2147483951" r:id="rId56"/>
    <p:sldLayoutId id="2147483952" r:id="rId57"/>
    <p:sldLayoutId id="2147483953" r:id="rId58"/>
    <p:sldLayoutId id="2147483954" r:id="rId59"/>
    <p:sldLayoutId id="2147483955" r:id="rId60"/>
    <p:sldLayoutId id="2147483956" r:id="rId61"/>
    <p:sldLayoutId id="2147483957" r:id="rId62"/>
    <p:sldLayoutId id="2147483958" r:id="rId63"/>
    <p:sldLayoutId id="2147483959" r:id="rId64"/>
    <p:sldLayoutId id="2147483960" r:id="rId65"/>
    <p:sldLayoutId id="2147483961" r:id="rId66"/>
    <p:sldLayoutId id="2147483962" r:id="rId67"/>
    <p:sldLayoutId id="2147483963" r:id="rId68"/>
    <p:sldLayoutId id="2147483964" r:id="rId69"/>
    <p:sldLayoutId id="2147483965" r:id="rId70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72"/>
            </p:custDataLst>
            <p:extLst>
              <p:ext uri="{D42A27DB-BD31-4B8C-83A1-F6EECF244321}">
                <p14:modId xmlns:p14="http://schemas.microsoft.com/office/powerpoint/2010/main" val="423919361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4" imgW="270" imgH="270" progId="TCLayout.ActiveDocument.1">
                  <p:embed/>
                </p:oleObj>
              </mc:Choice>
              <mc:Fallback>
                <p:oleObj name="think-cell Slide" r:id="rId7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1" y="622802"/>
            <a:ext cx="9563100" cy="2492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1" y="1825625"/>
            <a:ext cx="10933351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9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1" y="6553592"/>
            <a:ext cx="1482051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/>
        </p:nvPicPr>
        <p:blipFill>
          <a:blip r:embed="rId7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7" y="574339"/>
            <a:ext cx="1550283" cy="400753"/>
          </a:xfrm>
          <a:prstGeom prst="rect">
            <a:avLst/>
          </a:prstGeom>
        </p:spPr>
      </p:pic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F6FE934-3C43-3311-94F0-063899995487}"/>
              </a:ext>
            </a:extLst>
          </p:cNvPr>
          <p:cNvGraphicFramePr>
            <a:graphicFrameLocks noChangeAspect="1"/>
          </p:cNvGraphicFramePr>
          <p:nvPr>
            <p:custDataLst>
              <p:tags r:id="rId73"/>
            </p:custDataLst>
            <p:extLst>
              <p:ext uri="{D42A27DB-BD31-4B8C-83A1-F6EECF244321}">
                <p14:modId xmlns:p14="http://schemas.microsoft.com/office/powerpoint/2010/main" val="1194141760"/>
              </p:ext>
            </p:extLst>
          </p:nvPr>
        </p:nvGraphicFramePr>
        <p:xfrm>
          <a:off x="1589" y="1590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7" imgW="270" imgH="270" progId="TCLayout.ActiveDocument.1">
                  <p:embed/>
                </p:oleObj>
              </mc:Choice>
              <mc:Fallback>
                <p:oleObj name="think-cell Slide" r:id="rId77" imgW="270" imgH="27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F6FE934-3C43-3311-94F0-06389999548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5"/>
                      <a:stretch>
                        <a:fillRect/>
                      </a:stretch>
                    </p:blipFill>
                    <p:spPr>
                      <a:xfrm>
                        <a:off x="1589" y="1590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DA3F8886-11ED-AC47-DB05-B164E4E05F9C}"/>
              </a:ext>
            </a:extLst>
          </p:cNvPr>
          <p:cNvSpPr txBox="1"/>
          <p:nvPr/>
        </p:nvSpPr>
        <p:spPr>
          <a:xfrm>
            <a:off x="11167872" y="6443508"/>
            <a:ext cx="381000" cy="11541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75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5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8542369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67" r:id="rId1"/>
    <p:sldLayoutId id="2147483968" r:id="rId2"/>
    <p:sldLayoutId id="2147483969" r:id="rId3"/>
    <p:sldLayoutId id="2147483970" r:id="rId4"/>
    <p:sldLayoutId id="2147483971" r:id="rId5"/>
    <p:sldLayoutId id="2147483972" r:id="rId6"/>
    <p:sldLayoutId id="2147483973" r:id="rId7"/>
    <p:sldLayoutId id="2147483974" r:id="rId8"/>
    <p:sldLayoutId id="2147483975" r:id="rId9"/>
    <p:sldLayoutId id="2147483976" r:id="rId10"/>
    <p:sldLayoutId id="2147483977" r:id="rId11"/>
    <p:sldLayoutId id="2147483978" r:id="rId12"/>
    <p:sldLayoutId id="2147483979" r:id="rId13"/>
    <p:sldLayoutId id="2147483980" r:id="rId14"/>
    <p:sldLayoutId id="2147483981" r:id="rId15"/>
    <p:sldLayoutId id="2147483982" r:id="rId16"/>
    <p:sldLayoutId id="2147483983" r:id="rId17"/>
    <p:sldLayoutId id="2147483984" r:id="rId18"/>
    <p:sldLayoutId id="2147483985" r:id="rId19"/>
    <p:sldLayoutId id="2147483986" r:id="rId20"/>
    <p:sldLayoutId id="2147483987" r:id="rId21"/>
    <p:sldLayoutId id="2147483988" r:id="rId22"/>
    <p:sldLayoutId id="2147483989" r:id="rId23"/>
    <p:sldLayoutId id="2147483990" r:id="rId24"/>
    <p:sldLayoutId id="2147483991" r:id="rId25"/>
    <p:sldLayoutId id="2147483992" r:id="rId26"/>
    <p:sldLayoutId id="2147483993" r:id="rId27"/>
    <p:sldLayoutId id="2147483994" r:id="rId28"/>
    <p:sldLayoutId id="2147483995" r:id="rId29"/>
    <p:sldLayoutId id="2147483996" r:id="rId30"/>
    <p:sldLayoutId id="2147483997" r:id="rId31"/>
    <p:sldLayoutId id="2147483998" r:id="rId32"/>
    <p:sldLayoutId id="2147483999" r:id="rId33"/>
    <p:sldLayoutId id="2147484000" r:id="rId34"/>
    <p:sldLayoutId id="2147484001" r:id="rId35"/>
    <p:sldLayoutId id="2147484002" r:id="rId36"/>
    <p:sldLayoutId id="2147484003" r:id="rId37"/>
    <p:sldLayoutId id="2147484004" r:id="rId38"/>
    <p:sldLayoutId id="2147484005" r:id="rId39"/>
    <p:sldLayoutId id="2147484006" r:id="rId40"/>
    <p:sldLayoutId id="2147484007" r:id="rId41"/>
    <p:sldLayoutId id="2147484008" r:id="rId42"/>
    <p:sldLayoutId id="2147484009" r:id="rId43"/>
    <p:sldLayoutId id="2147484010" r:id="rId44"/>
    <p:sldLayoutId id="2147484011" r:id="rId45"/>
    <p:sldLayoutId id="2147484012" r:id="rId46"/>
    <p:sldLayoutId id="2147484013" r:id="rId47"/>
    <p:sldLayoutId id="2147484014" r:id="rId48"/>
    <p:sldLayoutId id="2147484015" r:id="rId49"/>
    <p:sldLayoutId id="2147484016" r:id="rId50"/>
    <p:sldLayoutId id="2147484017" r:id="rId51"/>
    <p:sldLayoutId id="2147484018" r:id="rId52"/>
    <p:sldLayoutId id="2147484019" r:id="rId53"/>
    <p:sldLayoutId id="2147484020" r:id="rId54"/>
    <p:sldLayoutId id="2147484021" r:id="rId55"/>
    <p:sldLayoutId id="2147484022" r:id="rId56"/>
    <p:sldLayoutId id="2147484023" r:id="rId57"/>
    <p:sldLayoutId id="2147484024" r:id="rId58"/>
    <p:sldLayoutId id="2147484025" r:id="rId59"/>
    <p:sldLayoutId id="2147484026" r:id="rId60"/>
    <p:sldLayoutId id="2147484027" r:id="rId61"/>
    <p:sldLayoutId id="2147484028" r:id="rId62"/>
    <p:sldLayoutId id="2147484029" r:id="rId63"/>
    <p:sldLayoutId id="2147484030" r:id="rId64"/>
    <p:sldLayoutId id="2147484031" r:id="rId65"/>
    <p:sldLayoutId id="2147484032" r:id="rId66"/>
    <p:sldLayoutId id="2147484033" r:id="rId67"/>
    <p:sldLayoutId id="2147484034" r:id="rId68"/>
    <p:sldLayoutId id="2147484035" r:id="rId69"/>
    <p:sldLayoutId id="2147484036" r:id="rId70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685800" rtl="0" eaLnBrk="1" latinLnBrk="0" hangingPunct="1">
        <a:lnSpc>
          <a:spcPct val="110000"/>
        </a:lnSpc>
        <a:spcBef>
          <a:spcPts val="450"/>
        </a:spcBef>
        <a:spcAft>
          <a:spcPts val="225"/>
        </a:spcAft>
        <a:buFont typeface="Arial" panose="020B0604020202020204" pitchFamily="34" charset="0"/>
        <a:buChar char="​"/>
        <a:defRPr lang="en-US" sz="105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13300" indent="-129600" algn="l" defTabSz="685800" rtl="0" eaLnBrk="1" latinLnBrk="0" hangingPunct="1">
        <a:lnSpc>
          <a:spcPct val="90000"/>
        </a:lnSpc>
        <a:spcBef>
          <a:spcPts val="0"/>
        </a:spcBef>
        <a:spcAft>
          <a:spcPts val="225"/>
        </a:spcAft>
        <a:buClr>
          <a:schemeClr val="tx2"/>
        </a:buClr>
        <a:buFont typeface="Arial" panose="020B0604020202020204" pitchFamily="34" charset="0"/>
        <a:buChar char="•"/>
        <a:defRPr lang="en-US" sz="105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383400" indent="-124200" algn="l" defTabSz="685800" rtl="0" eaLnBrk="1" latinLnBrk="0" hangingPunct="1">
        <a:lnSpc>
          <a:spcPct val="90000"/>
        </a:lnSpc>
        <a:spcBef>
          <a:spcPts val="0"/>
        </a:spcBef>
        <a:spcAft>
          <a:spcPts val="225"/>
        </a:spcAft>
        <a:buClr>
          <a:schemeClr val="tx2"/>
        </a:buClr>
        <a:buFont typeface="Trebuchet MS" panose="020B0603020202020204" pitchFamily="34" charset="0"/>
        <a:buChar char="–"/>
        <a:defRPr lang="en-US" sz="105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685800" rtl="0" eaLnBrk="1" latinLnBrk="0" hangingPunct="1">
        <a:lnSpc>
          <a:spcPct val="110000"/>
        </a:lnSpc>
        <a:spcBef>
          <a:spcPts val="225"/>
        </a:spcBef>
        <a:spcAft>
          <a:spcPts val="225"/>
        </a:spcAft>
        <a:buClr>
          <a:schemeClr val="tx2"/>
        </a:buClr>
        <a:buFont typeface="Arial" panose="020B0604020202020204" pitchFamily="34" charset="0"/>
        <a:buChar char="​"/>
        <a:defRPr lang="en-US" sz="135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685800" rtl="0" eaLnBrk="1" latinLnBrk="0" hangingPunct="1">
        <a:lnSpc>
          <a:spcPct val="100000"/>
        </a:lnSpc>
        <a:spcBef>
          <a:spcPts val="0"/>
        </a:spcBef>
        <a:spcAft>
          <a:spcPts val="225"/>
        </a:spcAft>
        <a:buClrTx/>
        <a:buFont typeface="Arial" panose="020B0604020202020204" pitchFamily="34" charset="0"/>
        <a:buChar char="​"/>
        <a:defRPr lang="en-US" sz="135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02406" indent="-114300" algn="l" defTabSz="685800" rtl="0" eaLnBrk="1" latinLnBrk="0" hangingPunct="1">
        <a:lnSpc>
          <a:spcPct val="90000"/>
        </a:lnSpc>
        <a:spcBef>
          <a:spcPts val="0"/>
        </a:spcBef>
        <a:spcAft>
          <a:spcPts val="450"/>
        </a:spcAft>
        <a:buClr>
          <a:schemeClr val="tx2"/>
        </a:buClr>
        <a:buFont typeface="Arial" panose="020B0604020202020204" pitchFamily="34" charset="0"/>
        <a:buChar char="•"/>
        <a:defRPr lang="en-US" sz="135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685800" rtl="0" eaLnBrk="1" latinLnBrk="0" hangingPunct="1">
        <a:lnSpc>
          <a:spcPct val="90000"/>
        </a:lnSpc>
        <a:spcBef>
          <a:spcPts val="675"/>
        </a:spcBef>
        <a:spcAft>
          <a:spcPts val="675"/>
        </a:spcAft>
        <a:buFont typeface="Arial" panose="020B0604020202020204" pitchFamily="34" charset="0"/>
        <a:buChar char="​"/>
        <a:defRPr lang="en-US" sz="33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685800" rtl="0" eaLnBrk="1" latinLnBrk="0" hangingPunct="1">
        <a:lnSpc>
          <a:spcPct val="90000"/>
        </a:lnSpc>
        <a:spcBef>
          <a:spcPts val="675"/>
        </a:spcBef>
        <a:spcAft>
          <a:spcPts val="0"/>
        </a:spcAft>
        <a:buFont typeface="Arial" panose="020B0604020202020204" pitchFamily="34" charset="0"/>
        <a:buChar char="​"/>
        <a:defRPr lang="en-US" sz="405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685800" rtl="0" eaLnBrk="1" latinLnBrk="0" hangingPunct="1">
        <a:lnSpc>
          <a:spcPct val="100000"/>
        </a:lnSpc>
        <a:spcBef>
          <a:spcPts val="0"/>
        </a:spcBef>
        <a:spcAft>
          <a:spcPts val="675"/>
        </a:spcAft>
        <a:buFont typeface="Arial" panose="020B0604020202020204" pitchFamily="34" charset="0"/>
        <a:buChar char="​"/>
        <a:defRPr lang="en-US" sz="18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2" pos="528">
          <p15:clr>
            <a:srgbClr val="F26B43"/>
          </p15:clr>
        </p15:guide>
        <p15:guide id="3" pos="9712">
          <p15:clr>
            <a:srgbClr val="F26B43"/>
          </p15:clr>
        </p15:guide>
        <p15:guide id="5" orient="horz" pos="1296">
          <p15:clr>
            <a:srgbClr val="F26B43"/>
          </p15:clr>
        </p15:guide>
        <p15:guide id="6" orient="horz" pos="3888">
          <p15:clr>
            <a:srgbClr val="F26B43"/>
          </p15:clr>
        </p15:guide>
        <p15:guide id="7" orient="horz" pos="1311">
          <p15:clr>
            <a:srgbClr val="F26B43"/>
          </p15:clr>
        </p15:guide>
        <p15:guide id="8" pos="396">
          <p15:clr>
            <a:srgbClr val="F26B43"/>
          </p15:clr>
        </p15:guide>
        <p15:guide id="9" pos="7284">
          <p15:clr>
            <a:srgbClr val="F26B43"/>
          </p15:clr>
        </p15:guide>
        <p15:guide id="10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9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image" Target="../media/image29.png"/><Relationship Id="rId1" Type="http://schemas.openxmlformats.org/officeDocument/2006/relationships/slideLayout" Target="../slideLayouts/slideLayout9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9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9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.png"/><Relationship Id="rId2" Type="http://schemas.openxmlformats.org/officeDocument/2006/relationships/image" Target="../media/image32.png"/><Relationship Id="rId1" Type="http://schemas.openxmlformats.org/officeDocument/2006/relationships/slideLayout" Target="../slideLayouts/slideLayout9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34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34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pn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10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34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34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34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34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59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0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ubtitle 1">
            <a:extLst>
              <a:ext uri="{FF2B5EF4-FFF2-40B4-BE49-F238E27FC236}">
                <a16:creationId xmlns:a16="http://schemas.microsoft.com/office/drawing/2014/main" id="{AAB5D155-3D98-711E-99B1-32DDE35999A3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2103869" y="3200400"/>
            <a:ext cx="7531224" cy="1314450"/>
          </a:xfrm>
        </p:spPr>
        <p:txBody>
          <a:bodyPr>
            <a:noAutofit/>
          </a:bodyPr>
          <a:lstStyle/>
          <a:p>
            <a:pPr algn="ctr"/>
            <a:r>
              <a:rPr lang="en-IN" sz="3200" b="1" dirty="0"/>
              <a:t>Benchmarking of Commercial Cells</a:t>
            </a:r>
          </a:p>
          <a:p>
            <a:pPr algn="ctr"/>
            <a:r>
              <a:rPr lang="en-IN" sz="3200" b="1" dirty="0"/>
              <a:t>IISc- Phase 3</a:t>
            </a:r>
          </a:p>
        </p:txBody>
      </p:sp>
    </p:spTree>
    <p:extLst>
      <p:ext uri="{BB962C8B-B14F-4D97-AF65-F5344CB8AC3E}">
        <p14:creationId xmlns:p14="http://schemas.microsoft.com/office/powerpoint/2010/main" val="3351015459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0" name="Table 399">
            <a:extLst>
              <a:ext uri="{FF2B5EF4-FFF2-40B4-BE49-F238E27FC236}">
                <a16:creationId xmlns:a16="http://schemas.microsoft.com/office/drawing/2014/main" id="{D3482654-9DD3-62CB-4489-219AC049DDC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19167186"/>
              </p:ext>
            </p:extLst>
          </p:nvPr>
        </p:nvGraphicFramePr>
        <p:xfrm>
          <a:off x="2829878" y="1272667"/>
          <a:ext cx="6557457" cy="2856922"/>
        </p:xfrm>
        <a:graphic>
          <a:graphicData uri="http://schemas.openxmlformats.org/drawingml/2006/table">
            <a:tbl>
              <a:tblPr firstRow="1" bandRow="1">
                <a:tableStyleId>{073A0DAA-6AF3-43AB-8588-CEC1D06C72B9}</a:tableStyleId>
              </a:tblPr>
              <a:tblGrid>
                <a:gridCol w="1256201">
                  <a:extLst>
                    <a:ext uri="{9D8B030D-6E8A-4147-A177-3AD203B41FA5}">
                      <a16:colId xmlns:a16="http://schemas.microsoft.com/office/drawing/2014/main" val="1141778738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3674942505"/>
                    </a:ext>
                  </a:extLst>
                </a:gridCol>
                <a:gridCol w="617938">
                  <a:extLst>
                    <a:ext uri="{9D8B030D-6E8A-4147-A177-3AD203B41FA5}">
                      <a16:colId xmlns:a16="http://schemas.microsoft.com/office/drawing/2014/main" val="1911053148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1571275875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946624402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1806666655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2257018401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3011354501"/>
                    </a:ext>
                  </a:extLst>
                </a:gridCol>
              </a:tblGrid>
              <a:tr h="371313"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u="none" strike="noStrike" dirty="0">
                          <a:solidFill>
                            <a:schemeClr val="bg1"/>
                          </a:solidFill>
                          <a:effectLst/>
                        </a:rPr>
                        <a:t>Length</a:t>
                      </a:r>
                      <a:endParaRPr lang="en-IN" sz="1100" b="1" i="0" u="none" strike="noStrike" dirty="0">
                        <a:solidFill>
                          <a:schemeClr val="bg1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>
                          <a:solidFill>
                            <a:schemeClr val="bg1"/>
                          </a:solidFill>
                          <a:effectLst/>
                          <a:latin typeface="Aptos Narrow" panose="020B0004020202020204" pitchFamily="34" charset="0"/>
                        </a:rPr>
                        <a:t>Side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u="none" strike="noStrike" dirty="0">
                          <a:solidFill>
                            <a:schemeClr val="bg1"/>
                          </a:solidFill>
                          <a:effectLst/>
                        </a:rPr>
                        <a:t>L3a1/L3b1</a:t>
                      </a:r>
                      <a:endParaRPr lang="en-IN" sz="1100" b="1" i="0" u="none" strike="noStrike" dirty="0">
                        <a:solidFill>
                          <a:schemeClr val="bg1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u="none" strike="noStrike" dirty="0">
                          <a:solidFill>
                            <a:schemeClr val="bg1"/>
                          </a:solidFill>
                          <a:effectLst/>
                        </a:rPr>
                        <a:t>L1a/L1b</a:t>
                      </a:r>
                      <a:endParaRPr lang="en-IN" sz="1100" b="1" i="0" u="none" strike="noStrike" dirty="0">
                        <a:solidFill>
                          <a:schemeClr val="bg1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u="none" strike="noStrike" dirty="0">
                          <a:solidFill>
                            <a:schemeClr val="bg1"/>
                          </a:solidFill>
                          <a:effectLst/>
                        </a:rPr>
                        <a:t>T</a:t>
                      </a:r>
                      <a:endParaRPr lang="en-IN" sz="1100" b="1" i="0" u="none" strike="noStrike" dirty="0">
                        <a:solidFill>
                          <a:schemeClr val="bg1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u="none" strike="noStrike" dirty="0">
                          <a:solidFill>
                            <a:schemeClr val="bg1"/>
                          </a:solidFill>
                          <a:effectLst/>
                        </a:rPr>
                        <a:t>L2a/L2b</a:t>
                      </a:r>
                      <a:endParaRPr lang="en-IN" sz="1100" b="1" i="0" u="none" strike="noStrike" dirty="0">
                        <a:solidFill>
                          <a:schemeClr val="bg1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u="none" strike="noStrike" dirty="0">
                          <a:solidFill>
                            <a:schemeClr val="bg1"/>
                          </a:solidFill>
                          <a:effectLst/>
                        </a:rPr>
                        <a:t>L3a2/L3b2</a:t>
                      </a:r>
                      <a:endParaRPr lang="en-IN" sz="1100" b="1" i="0" u="none" strike="noStrike" dirty="0">
                        <a:solidFill>
                          <a:schemeClr val="bg1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4261846236"/>
                  </a:ext>
                </a:extLst>
              </a:tr>
              <a:tr h="152756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</a:t>
                      </a:r>
                      <a:r>
                        <a:rPr lang="en-IN" sz="11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AK 5.5_21700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962920563"/>
                  </a:ext>
                </a:extLst>
              </a:tr>
              <a:tr h="152756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036332902"/>
                  </a:ext>
                </a:extLst>
              </a:tr>
              <a:tr h="152756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4</a:t>
                      </a:r>
                      <a:r>
                        <a:rPr lang="en-IN" sz="11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680 Gen2</a:t>
                      </a: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66960176"/>
                  </a:ext>
                </a:extLst>
              </a:tr>
              <a:tr h="152756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2619124846"/>
                  </a:ext>
                </a:extLst>
              </a:tr>
              <a:tr h="152756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livex</a:t>
                      </a:r>
                      <a:r>
                        <a:rPr lang="en-US" sz="11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32700</a:t>
                      </a:r>
                      <a:endParaRPr lang="en-IN" sz="11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2422791201"/>
                  </a:ext>
                </a:extLst>
              </a:tr>
              <a:tr h="152756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57336243"/>
                  </a:ext>
                </a:extLst>
              </a:tr>
              <a:tr h="182464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CBAK 32140</a:t>
                      </a:r>
                      <a:endParaRPr lang="en-IN" sz="11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  <a:ea typeface="+mn-ea"/>
                          <a:cs typeface="+mn-cs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830862982"/>
                  </a:ext>
                </a:extLst>
              </a:tr>
              <a:tr h="152756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  <a:ea typeface="+mn-ea"/>
                          <a:cs typeface="+mn-cs"/>
                        </a:rPr>
                        <a:t>B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378929003"/>
                  </a:ext>
                </a:extLst>
              </a:tr>
              <a:tr h="152756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IN" sz="11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EVE 5.0_21700</a:t>
                      </a:r>
                      <a:endParaRPr lang="en-IN" sz="11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3322473601"/>
                  </a:ext>
                </a:extLst>
              </a:tr>
              <a:tr h="152756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3699113816"/>
                  </a:ext>
                </a:extLst>
              </a:tr>
              <a:tr h="152756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IN" sz="1100" b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Moilicell</a:t>
                      </a:r>
                      <a:r>
                        <a:rPr lang="en-IN" sz="11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4.2 21700</a:t>
                      </a:r>
                      <a:endParaRPr lang="en-IN" sz="11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3583229237"/>
                  </a:ext>
                </a:extLst>
              </a:tr>
              <a:tr h="152756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249968119"/>
                  </a:ext>
                </a:extLst>
              </a:tr>
              <a:tr h="152756"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RIN 5.8_21700</a:t>
                      </a:r>
                      <a:endParaRPr lang="en-IN" sz="11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3333803840"/>
                  </a:ext>
                </a:extLst>
              </a:tr>
              <a:tr h="152756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3891170612"/>
                  </a:ext>
                </a:extLst>
              </a:tr>
            </a:tbl>
          </a:graphicData>
        </a:graphic>
      </p:graphicFrame>
      <p:sp>
        <p:nvSpPr>
          <p:cNvPr id="458" name="TextBox 457">
            <a:extLst>
              <a:ext uri="{FF2B5EF4-FFF2-40B4-BE49-F238E27FC236}">
                <a16:creationId xmlns:a16="http://schemas.microsoft.com/office/drawing/2014/main" id="{C555477A-6198-262C-B87D-D97F35BE9E4A}"/>
              </a:ext>
            </a:extLst>
          </p:cNvPr>
          <p:cNvSpPr txBox="1"/>
          <p:nvPr/>
        </p:nvSpPr>
        <p:spPr>
          <a:xfrm rot="16200000">
            <a:off x="1897606" y="2343893"/>
            <a:ext cx="97443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IN"/>
              <a:t>Cathode</a:t>
            </a:r>
          </a:p>
        </p:txBody>
      </p:sp>
      <p:sp>
        <p:nvSpPr>
          <p:cNvPr id="6" name="Title 3">
            <a:extLst>
              <a:ext uri="{FF2B5EF4-FFF2-40B4-BE49-F238E27FC236}">
                <a16:creationId xmlns:a16="http://schemas.microsoft.com/office/drawing/2014/main" id="{6B977FB3-21BF-25F8-61ED-925864915288}"/>
              </a:ext>
            </a:extLst>
          </p:cNvPr>
          <p:cNvSpPr txBox="1">
            <a:spLocks/>
          </p:cNvSpPr>
          <p:nvPr/>
        </p:nvSpPr>
        <p:spPr>
          <a:xfrm>
            <a:off x="1937568" y="125304"/>
            <a:ext cx="8772341" cy="501015"/>
          </a:xfrm>
          <a:prstGeom prst="homePlate">
            <a:avLst>
              <a:gd name="adj" fmla="val 110000"/>
            </a:avLst>
          </a:prstGeom>
          <a:solidFill>
            <a:srgbClr val="F8CBAD"/>
          </a:solidFill>
        </p:spPr>
        <p:txBody>
          <a:bodyPr vert="horz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Gotham" pitchFamily="50" charset="0"/>
                <a:ea typeface="+mj-ea"/>
                <a:cs typeface="+mj-cs"/>
              </a:defRPr>
            </a:lvl1pPr>
          </a:lstStyle>
          <a:p>
            <a:pPr>
              <a:lnSpc>
                <a:spcPct val="100000"/>
              </a:lnSpc>
            </a:pPr>
            <a:r>
              <a:rPr lang="en-IN" sz="2800" b="1" dirty="0"/>
              <a:t>Cathode Electrode Design: Overall comparison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CB1A1857-9B43-E0A4-A91E-B60D3B24FBB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569489" y="4430800"/>
            <a:ext cx="7053022" cy="1912850"/>
          </a:xfrm>
          <a:prstGeom prst="rect">
            <a:avLst/>
          </a:prstGeom>
          <a:ln>
            <a:solidFill>
              <a:schemeClr val="accent2"/>
            </a:solidFill>
          </a:ln>
        </p:spPr>
      </p:pic>
    </p:spTree>
    <p:extLst>
      <p:ext uri="{BB962C8B-B14F-4D97-AF65-F5344CB8AC3E}">
        <p14:creationId xmlns:p14="http://schemas.microsoft.com/office/powerpoint/2010/main" val="4148481633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2" name="Table 401">
            <a:extLst>
              <a:ext uri="{FF2B5EF4-FFF2-40B4-BE49-F238E27FC236}">
                <a16:creationId xmlns:a16="http://schemas.microsoft.com/office/drawing/2014/main" id="{517DB3D8-4578-A3C4-E8EB-EB531C2997D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43137433"/>
              </p:ext>
            </p:extLst>
          </p:nvPr>
        </p:nvGraphicFramePr>
        <p:xfrm>
          <a:off x="2639524" y="1284659"/>
          <a:ext cx="6557458" cy="2901142"/>
        </p:xfrm>
        <a:graphic>
          <a:graphicData uri="http://schemas.openxmlformats.org/drawingml/2006/table">
            <a:tbl>
              <a:tblPr firstRow="1" bandRow="1">
                <a:tableStyleId>{21E4AEA4-8DFA-4A89-87EB-49C32662AFE0}</a:tableStyleId>
              </a:tblPr>
              <a:tblGrid>
                <a:gridCol w="1256202">
                  <a:extLst>
                    <a:ext uri="{9D8B030D-6E8A-4147-A177-3AD203B41FA5}">
                      <a16:colId xmlns:a16="http://schemas.microsoft.com/office/drawing/2014/main" val="2997465596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987730639"/>
                    </a:ext>
                  </a:extLst>
                </a:gridCol>
                <a:gridCol w="608549">
                  <a:extLst>
                    <a:ext uri="{9D8B030D-6E8A-4147-A177-3AD203B41FA5}">
                      <a16:colId xmlns:a16="http://schemas.microsoft.com/office/drawing/2014/main" val="2651580601"/>
                    </a:ext>
                  </a:extLst>
                </a:gridCol>
                <a:gridCol w="789942">
                  <a:extLst>
                    <a:ext uri="{9D8B030D-6E8A-4147-A177-3AD203B41FA5}">
                      <a16:colId xmlns:a16="http://schemas.microsoft.com/office/drawing/2014/main" val="3254169733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3448824811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406089039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1546298260"/>
                    </a:ext>
                  </a:extLst>
                </a:gridCol>
                <a:gridCol w="780553">
                  <a:extLst>
                    <a:ext uri="{9D8B030D-6E8A-4147-A177-3AD203B41FA5}">
                      <a16:colId xmlns:a16="http://schemas.microsoft.com/office/drawing/2014/main" val="645198476"/>
                    </a:ext>
                  </a:extLst>
                </a:gridCol>
              </a:tblGrid>
              <a:tr h="190500"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Length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chemeClr val="bg1"/>
                          </a:solidFill>
                          <a:effectLst/>
                          <a:latin typeface="Aptos Narrow" panose="020B0004020202020204" pitchFamily="34" charset="0"/>
                        </a:rPr>
                        <a:t>Side</a:t>
                      </a:r>
                      <a:endParaRPr lang="en-IN" sz="1100" b="0" i="0" u="none" strike="noStrike" dirty="0">
                        <a:solidFill>
                          <a:schemeClr val="bg1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L3a1/L3b1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L1a/L1b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T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L2a/L2b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L3a2/L3b2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195889831"/>
                  </a:ext>
                </a:extLst>
              </a:tr>
              <a:tr h="190500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</a:t>
                      </a:r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AK 5.5_21700</a:t>
                      </a: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58207229"/>
                  </a:ext>
                </a:extLst>
              </a:tr>
              <a:tr h="190500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800341326"/>
                  </a:ext>
                </a:extLst>
              </a:tr>
              <a:tr h="190500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4680 Gen2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966886885"/>
                  </a:ext>
                </a:extLst>
              </a:tr>
              <a:tr h="234142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3550909629"/>
                  </a:ext>
                </a:extLst>
              </a:tr>
              <a:tr h="190500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</a:t>
                      </a:r>
                      <a:r>
                        <a:rPr lang="en-IN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livex</a:t>
                      </a:r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 32700</a:t>
                      </a: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4005094731"/>
                  </a:ext>
                </a:extLst>
              </a:tr>
              <a:tr h="190500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772825282"/>
                  </a:ext>
                </a:extLst>
              </a:tr>
              <a:tr h="190500">
                <a:tc rowSpan="2"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  <a:ea typeface="+mn-ea"/>
                          <a:cs typeface="+mn-cs"/>
                        </a:rPr>
                        <a:t>CBAK 32140</a:t>
                      </a:r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  <a:ea typeface="+mn-ea"/>
                          <a:cs typeface="+mn-cs"/>
                        </a:rPr>
                        <a:t>T</a:t>
                      </a:r>
                    </a:p>
                  </a:txBody>
                  <a:tcPr marL="9525" marR="9525" marT="9525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92490800"/>
                  </a:ext>
                </a:extLst>
              </a:tr>
              <a:tr h="190500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  <a:ea typeface="+mn-ea"/>
                          <a:cs typeface="+mn-cs"/>
                        </a:rPr>
                        <a:t>B</a:t>
                      </a:r>
                    </a:p>
                  </a:txBody>
                  <a:tcPr marL="9525" marR="9525" marT="9525" marB="0" anchor="ctr"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75666599"/>
                  </a:ext>
                </a:extLst>
              </a:tr>
              <a:tr h="190500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EVE 5.0 _21700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2797729650"/>
                  </a:ext>
                </a:extLst>
              </a:tr>
              <a:tr h="190500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4022279299"/>
                  </a:ext>
                </a:extLst>
              </a:tr>
              <a:tr h="190500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 err="1">
                          <a:effectLst/>
                        </a:rPr>
                        <a:t>Molicell</a:t>
                      </a:r>
                      <a:r>
                        <a:rPr lang="en-IN" sz="1100" u="none" strike="noStrike" dirty="0">
                          <a:effectLst/>
                        </a:rPr>
                        <a:t> 4.2_21700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2140541116"/>
                  </a:ext>
                </a:extLst>
              </a:tr>
              <a:tr h="190500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2926260993"/>
                  </a:ext>
                </a:extLst>
              </a:tr>
              <a:tr h="190500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R</a:t>
                      </a:r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IN 5.8_21700</a:t>
                      </a:r>
                    </a:p>
                  </a:txBody>
                  <a:tcPr marL="9525" marR="9525" marT="9525" marB="0" anchor="ctr"/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T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632761512"/>
                  </a:ext>
                </a:extLst>
              </a:tr>
              <a:tr h="190500"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 vMerge="1"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B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04270551"/>
                  </a:ext>
                </a:extLst>
              </a:tr>
            </a:tbl>
          </a:graphicData>
        </a:graphic>
      </p:graphicFrame>
      <p:sp>
        <p:nvSpPr>
          <p:cNvPr id="459" name="TextBox 458">
            <a:extLst>
              <a:ext uri="{FF2B5EF4-FFF2-40B4-BE49-F238E27FC236}">
                <a16:creationId xmlns:a16="http://schemas.microsoft.com/office/drawing/2014/main" id="{A369A87E-23D0-FD5F-5F36-C30B777DADB8}"/>
              </a:ext>
            </a:extLst>
          </p:cNvPr>
          <p:cNvSpPr txBox="1"/>
          <p:nvPr/>
        </p:nvSpPr>
        <p:spPr>
          <a:xfrm rot="16200000">
            <a:off x="1906955" y="2526781"/>
            <a:ext cx="79861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IN"/>
              <a:t>Anode</a:t>
            </a:r>
          </a:p>
        </p:txBody>
      </p:sp>
      <p:sp>
        <p:nvSpPr>
          <p:cNvPr id="6" name="Title 3">
            <a:extLst>
              <a:ext uri="{FF2B5EF4-FFF2-40B4-BE49-F238E27FC236}">
                <a16:creationId xmlns:a16="http://schemas.microsoft.com/office/drawing/2014/main" id="{6B977FB3-21BF-25F8-61ED-925864915288}"/>
              </a:ext>
            </a:extLst>
          </p:cNvPr>
          <p:cNvSpPr txBox="1">
            <a:spLocks/>
          </p:cNvSpPr>
          <p:nvPr/>
        </p:nvSpPr>
        <p:spPr>
          <a:xfrm>
            <a:off x="1937568" y="125304"/>
            <a:ext cx="8315141" cy="501015"/>
          </a:xfrm>
          <a:prstGeom prst="homePlate">
            <a:avLst>
              <a:gd name="adj" fmla="val 110000"/>
            </a:avLst>
          </a:prstGeom>
          <a:solidFill>
            <a:srgbClr val="F8CBAD"/>
          </a:solidFill>
        </p:spPr>
        <p:txBody>
          <a:bodyPr vert="horz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Gotham" pitchFamily="50" charset="0"/>
                <a:ea typeface="+mj-ea"/>
                <a:cs typeface="+mj-cs"/>
              </a:defRPr>
            </a:lvl1pPr>
          </a:lstStyle>
          <a:p>
            <a:pPr>
              <a:lnSpc>
                <a:spcPct val="100000"/>
              </a:lnSpc>
            </a:pPr>
            <a:r>
              <a:rPr lang="en-IN" sz="2800" b="1" dirty="0"/>
              <a:t>Anode Electrode Design: Overall comparison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19D243D-8244-7025-3913-41BF47C5670F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64157" y="4798451"/>
            <a:ext cx="5354096" cy="125400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D6A13C7A-2C4D-A660-4B96-7E430347190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942700" y="4796572"/>
            <a:ext cx="4816257" cy="1255885"/>
          </a:xfrm>
          <a:prstGeom prst="rect">
            <a:avLst/>
          </a:prstGeom>
        </p:spPr>
      </p:pic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5CFD22E9-5F62-522E-AD62-3A04E013EA5E}"/>
              </a:ext>
            </a:extLst>
          </p:cNvPr>
          <p:cNvCxnSpPr/>
          <p:nvPr/>
        </p:nvCxnSpPr>
        <p:spPr>
          <a:xfrm>
            <a:off x="6433457" y="4463143"/>
            <a:ext cx="0" cy="2177143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6C987FED-DE7C-131A-3B21-4288300CDE51}"/>
              </a:ext>
            </a:extLst>
          </p:cNvPr>
          <p:cNvCxnSpPr/>
          <p:nvPr/>
        </p:nvCxnSpPr>
        <p:spPr>
          <a:xfrm>
            <a:off x="6466115" y="4463142"/>
            <a:ext cx="0" cy="2177143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90415518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D0B3CD32-233B-4544-8B3A-FDD9AEE3E75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64255031"/>
              </p:ext>
            </p:extLst>
          </p:nvPr>
        </p:nvGraphicFramePr>
        <p:xfrm>
          <a:off x="156000" y="1057994"/>
          <a:ext cx="10395000" cy="3736080"/>
        </p:xfrm>
        <a:graphic>
          <a:graphicData uri="http://schemas.openxmlformats.org/drawingml/2006/table">
            <a:tbl>
              <a:tblPr firstRow="1" bandRow="1">
                <a:tableStyleId>{073A0DAA-6AF3-43AB-8588-CEC1D06C72B9}</a:tableStyleId>
              </a:tblPr>
              <a:tblGrid>
                <a:gridCol w="1485000">
                  <a:extLst>
                    <a:ext uri="{9D8B030D-6E8A-4147-A177-3AD203B41FA5}">
                      <a16:colId xmlns:a16="http://schemas.microsoft.com/office/drawing/2014/main" val="40202392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1011360498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2769497312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3122057041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3106912191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3346181596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2287965158"/>
                    </a:ext>
                  </a:extLst>
                </a:gridCol>
              </a:tblGrid>
              <a:tr h="324000">
                <a:tc>
                  <a:txBody>
                    <a:bodyPr/>
                    <a:lstStyle/>
                    <a:p>
                      <a:pPr algn="ctr"/>
                      <a:r>
                        <a:rPr lang="en-IN" dirty="0"/>
                        <a:t>BAK 5.5_ 21700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4</a:t>
                      </a:r>
                      <a:r>
                        <a:rPr lang="en-IN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680 Gen2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800" b="0" i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livex</a:t>
                      </a:r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32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CBAK 3214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8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EVE 5.0_21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800" b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Moilicell</a:t>
                      </a:r>
                      <a:r>
                        <a:rPr lang="en-IN" sz="18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4.2 21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RIN 5.8_21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28126579"/>
                  </a:ext>
                </a:extLst>
              </a:tr>
              <a:tr h="3096000"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TABLESS</a:t>
                      </a:r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00036847"/>
                  </a:ext>
                </a:extLst>
              </a:tr>
            </a:tbl>
          </a:graphicData>
        </a:graphic>
      </p:graphicFrame>
      <p:pic>
        <p:nvPicPr>
          <p:cNvPr id="13" name="Picture 12">
            <a:extLst>
              <a:ext uri="{FF2B5EF4-FFF2-40B4-BE49-F238E27FC236}">
                <a16:creationId xmlns:a16="http://schemas.microsoft.com/office/drawing/2014/main" id="{730DE9D6-477C-EA1E-E37E-1B9E6D32382B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l="6063"/>
          <a:stretch/>
        </p:blipFill>
        <p:spPr>
          <a:xfrm>
            <a:off x="3243943" y="1889598"/>
            <a:ext cx="4372511" cy="4843098"/>
          </a:xfrm>
          <a:custGeom>
            <a:avLst/>
            <a:gdLst>
              <a:gd name="connsiteX0" fmla="*/ 0 w 4372511"/>
              <a:gd name="connsiteY0" fmla="*/ 0 h 4843098"/>
              <a:gd name="connsiteX1" fmla="*/ 634014 w 4372511"/>
              <a:gd name="connsiteY1" fmla="*/ 0 h 4843098"/>
              <a:gd name="connsiteX2" fmla="*/ 1093128 w 4372511"/>
              <a:gd name="connsiteY2" fmla="*/ 0 h 4843098"/>
              <a:gd name="connsiteX3" fmla="*/ 1595967 w 4372511"/>
              <a:gd name="connsiteY3" fmla="*/ 0 h 4843098"/>
              <a:gd name="connsiteX4" fmla="*/ 2142530 w 4372511"/>
              <a:gd name="connsiteY4" fmla="*/ 0 h 4843098"/>
              <a:gd name="connsiteX5" fmla="*/ 2601644 w 4372511"/>
              <a:gd name="connsiteY5" fmla="*/ 0 h 4843098"/>
              <a:gd name="connsiteX6" fmla="*/ 3191933 w 4372511"/>
              <a:gd name="connsiteY6" fmla="*/ 0 h 4843098"/>
              <a:gd name="connsiteX7" fmla="*/ 3738497 w 4372511"/>
              <a:gd name="connsiteY7" fmla="*/ 0 h 4843098"/>
              <a:gd name="connsiteX8" fmla="*/ 4372511 w 4372511"/>
              <a:gd name="connsiteY8" fmla="*/ 0 h 4843098"/>
              <a:gd name="connsiteX9" fmla="*/ 4372511 w 4372511"/>
              <a:gd name="connsiteY9" fmla="*/ 634984 h 4843098"/>
              <a:gd name="connsiteX10" fmla="*/ 4372511 w 4372511"/>
              <a:gd name="connsiteY10" fmla="*/ 1124675 h 4843098"/>
              <a:gd name="connsiteX11" fmla="*/ 4372511 w 4372511"/>
              <a:gd name="connsiteY11" fmla="*/ 1565935 h 4843098"/>
              <a:gd name="connsiteX12" fmla="*/ 4372511 w 4372511"/>
              <a:gd name="connsiteY12" fmla="*/ 2152488 h 4843098"/>
              <a:gd name="connsiteX13" fmla="*/ 4372511 w 4372511"/>
              <a:gd name="connsiteY13" fmla="*/ 2690610 h 4843098"/>
              <a:gd name="connsiteX14" fmla="*/ 4372511 w 4372511"/>
              <a:gd name="connsiteY14" fmla="*/ 3325594 h 4843098"/>
              <a:gd name="connsiteX15" fmla="*/ 4372511 w 4372511"/>
              <a:gd name="connsiteY15" fmla="*/ 3815285 h 4843098"/>
              <a:gd name="connsiteX16" fmla="*/ 4372511 w 4372511"/>
              <a:gd name="connsiteY16" fmla="*/ 4353407 h 4843098"/>
              <a:gd name="connsiteX17" fmla="*/ 4372511 w 4372511"/>
              <a:gd name="connsiteY17" fmla="*/ 4843098 h 4843098"/>
              <a:gd name="connsiteX18" fmla="*/ 3782222 w 4372511"/>
              <a:gd name="connsiteY18" fmla="*/ 4843098 h 4843098"/>
              <a:gd name="connsiteX19" fmla="*/ 3279383 w 4372511"/>
              <a:gd name="connsiteY19" fmla="*/ 4843098 h 4843098"/>
              <a:gd name="connsiteX20" fmla="*/ 2820270 w 4372511"/>
              <a:gd name="connsiteY20" fmla="*/ 4843098 h 4843098"/>
              <a:gd name="connsiteX21" fmla="*/ 2404881 w 4372511"/>
              <a:gd name="connsiteY21" fmla="*/ 4843098 h 4843098"/>
              <a:gd name="connsiteX22" fmla="*/ 1814592 w 4372511"/>
              <a:gd name="connsiteY22" fmla="*/ 4843098 h 4843098"/>
              <a:gd name="connsiteX23" fmla="*/ 1311753 w 4372511"/>
              <a:gd name="connsiteY23" fmla="*/ 4843098 h 4843098"/>
              <a:gd name="connsiteX24" fmla="*/ 808915 w 4372511"/>
              <a:gd name="connsiteY24" fmla="*/ 4843098 h 4843098"/>
              <a:gd name="connsiteX25" fmla="*/ 0 w 4372511"/>
              <a:gd name="connsiteY25" fmla="*/ 4843098 h 4843098"/>
              <a:gd name="connsiteX26" fmla="*/ 0 w 4372511"/>
              <a:gd name="connsiteY26" fmla="*/ 4208114 h 4843098"/>
              <a:gd name="connsiteX27" fmla="*/ 0 w 4372511"/>
              <a:gd name="connsiteY27" fmla="*/ 3766854 h 4843098"/>
              <a:gd name="connsiteX28" fmla="*/ 0 w 4372511"/>
              <a:gd name="connsiteY28" fmla="*/ 3325594 h 4843098"/>
              <a:gd name="connsiteX29" fmla="*/ 0 w 4372511"/>
              <a:gd name="connsiteY29" fmla="*/ 2932765 h 4843098"/>
              <a:gd name="connsiteX30" fmla="*/ 0 w 4372511"/>
              <a:gd name="connsiteY30" fmla="*/ 2297781 h 4843098"/>
              <a:gd name="connsiteX31" fmla="*/ 0 w 4372511"/>
              <a:gd name="connsiteY31" fmla="*/ 1711228 h 4843098"/>
              <a:gd name="connsiteX32" fmla="*/ 0 w 4372511"/>
              <a:gd name="connsiteY32" fmla="*/ 1221537 h 4843098"/>
              <a:gd name="connsiteX33" fmla="*/ 0 w 4372511"/>
              <a:gd name="connsiteY33" fmla="*/ 828708 h 4843098"/>
              <a:gd name="connsiteX34" fmla="*/ 0 w 4372511"/>
              <a:gd name="connsiteY34" fmla="*/ 0 h 484309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</a:cxnLst>
            <a:rect l="l" t="t" r="r" b="b"/>
            <a:pathLst>
              <a:path w="4372511" h="4843098" fill="none" extrusionOk="0">
                <a:moveTo>
                  <a:pt x="0" y="0"/>
                </a:moveTo>
                <a:cubicBezTo>
                  <a:pt x="156846" y="-43674"/>
                  <a:pt x="479187" y="36664"/>
                  <a:pt x="634014" y="0"/>
                </a:cubicBezTo>
                <a:cubicBezTo>
                  <a:pt x="788841" y="-36664"/>
                  <a:pt x="920464" y="8929"/>
                  <a:pt x="1093128" y="0"/>
                </a:cubicBezTo>
                <a:cubicBezTo>
                  <a:pt x="1265792" y="-8929"/>
                  <a:pt x="1430241" y="23777"/>
                  <a:pt x="1595967" y="0"/>
                </a:cubicBezTo>
                <a:cubicBezTo>
                  <a:pt x="1761693" y="-23777"/>
                  <a:pt x="1936503" y="37005"/>
                  <a:pt x="2142530" y="0"/>
                </a:cubicBezTo>
                <a:cubicBezTo>
                  <a:pt x="2348557" y="-37005"/>
                  <a:pt x="2408120" y="37579"/>
                  <a:pt x="2601644" y="0"/>
                </a:cubicBezTo>
                <a:cubicBezTo>
                  <a:pt x="2795168" y="-37579"/>
                  <a:pt x="2932561" y="7069"/>
                  <a:pt x="3191933" y="0"/>
                </a:cubicBezTo>
                <a:cubicBezTo>
                  <a:pt x="3451305" y="-7069"/>
                  <a:pt x="3623541" y="40459"/>
                  <a:pt x="3738497" y="0"/>
                </a:cubicBezTo>
                <a:cubicBezTo>
                  <a:pt x="3853453" y="-40459"/>
                  <a:pt x="4213904" y="61035"/>
                  <a:pt x="4372511" y="0"/>
                </a:cubicBezTo>
                <a:cubicBezTo>
                  <a:pt x="4431070" y="170929"/>
                  <a:pt x="4358218" y="347120"/>
                  <a:pt x="4372511" y="634984"/>
                </a:cubicBezTo>
                <a:cubicBezTo>
                  <a:pt x="4386804" y="922848"/>
                  <a:pt x="4351741" y="910084"/>
                  <a:pt x="4372511" y="1124675"/>
                </a:cubicBezTo>
                <a:cubicBezTo>
                  <a:pt x="4393281" y="1339266"/>
                  <a:pt x="4325835" y="1347432"/>
                  <a:pt x="4372511" y="1565935"/>
                </a:cubicBezTo>
                <a:cubicBezTo>
                  <a:pt x="4419187" y="1784438"/>
                  <a:pt x="4331340" y="1913821"/>
                  <a:pt x="4372511" y="2152488"/>
                </a:cubicBezTo>
                <a:cubicBezTo>
                  <a:pt x="4413682" y="2391155"/>
                  <a:pt x="4313392" y="2577136"/>
                  <a:pt x="4372511" y="2690610"/>
                </a:cubicBezTo>
                <a:cubicBezTo>
                  <a:pt x="4431630" y="2804084"/>
                  <a:pt x="4323954" y="3037520"/>
                  <a:pt x="4372511" y="3325594"/>
                </a:cubicBezTo>
                <a:cubicBezTo>
                  <a:pt x="4421068" y="3613668"/>
                  <a:pt x="4365795" y="3706241"/>
                  <a:pt x="4372511" y="3815285"/>
                </a:cubicBezTo>
                <a:cubicBezTo>
                  <a:pt x="4379227" y="3924329"/>
                  <a:pt x="4336002" y="4240823"/>
                  <a:pt x="4372511" y="4353407"/>
                </a:cubicBezTo>
                <a:cubicBezTo>
                  <a:pt x="4409020" y="4465991"/>
                  <a:pt x="4316407" y="4629690"/>
                  <a:pt x="4372511" y="4843098"/>
                </a:cubicBezTo>
                <a:cubicBezTo>
                  <a:pt x="4165593" y="4858038"/>
                  <a:pt x="3997562" y="4827967"/>
                  <a:pt x="3782222" y="4843098"/>
                </a:cubicBezTo>
                <a:cubicBezTo>
                  <a:pt x="3566882" y="4858229"/>
                  <a:pt x="3525451" y="4806302"/>
                  <a:pt x="3279383" y="4843098"/>
                </a:cubicBezTo>
                <a:cubicBezTo>
                  <a:pt x="3033315" y="4879894"/>
                  <a:pt x="2925039" y="4810601"/>
                  <a:pt x="2820270" y="4843098"/>
                </a:cubicBezTo>
                <a:cubicBezTo>
                  <a:pt x="2715501" y="4875595"/>
                  <a:pt x="2521543" y="4834974"/>
                  <a:pt x="2404881" y="4843098"/>
                </a:cubicBezTo>
                <a:cubicBezTo>
                  <a:pt x="2288219" y="4851222"/>
                  <a:pt x="2050699" y="4812155"/>
                  <a:pt x="1814592" y="4843098"/>
                </a:cubicBezTo>
                <a:cubicBezTo>
                  <a:pt x="1578485" y="4874041"/>
                  <a:pt x="1462930" y="4823718"/>
                  <a:pt x="1311753" y="4843098"/>
                </a:cubicBezTo>
                <a:cubicBezTo>
                  <a:pt x="1160576" y="4862478"/>
                  <a:pt x="986204" y="4791105"/>
                  <a:pt x="808915" y="4843098"/>
                </a:cubicBezTo>
                <a:cubicBezTo>
                  <a:pt x="631626" y="4895091"/>
                  <a:pt x="310379" y="4785381"/>
                  <a:pt x="0" y="4843098"/>
                </a:cubicBezTo>
                <a:cubicBezTo>
                  <a:pt x="-64617" y="4643613"/>
                  <a:pt x="59909" y="4490215"/>
                  <a:pt x="0" y="4208114"/>
                </a:cubicBezTo>
                <a:cubicBezTo>
                  <a:pt x="-59909" y="3926013"/>
                  <a:pt x="10447" y="3864706"/>
                  <a:pt x="0" y="3766854"/>
                </a:cubicBezTo>
                <a:cubicBezTo>
                  <a:pt x="-10447" y="3669002"/>
                  <a:pt x="25137" y="3447175"/>
                  <a:pt x="0" y="3325594"/>
                </a:cubicBezTo>
                <a:cubicBezTo>
                  <a:pt x="-25137" y="3204013"/>
                  <a:pt x="45017" y="3115440"/>
                  <a:pt x="0" y="2932765"/>
                </a:cubicBezTo>
                <a:cubicBezTo>
                  <a:pt x="-45017" y="2750090"/>
                  <a:pt x="10936" y="2565280"/>
                  <a:pt x="0" y="2297781"/>
                </a:cubicBezTo>
                <a:cubicBezTo>
                  <a:pt x="-10936" y="2030282"/>
                  <a:pt x="55907" y="1894795"/>
                  <a:pt x="0" y="1711228"/>
                </a:cubicBezTo>
                <a:cubicBezTo>
                  <a:pt x="-55907" y="1527661"/>
                  <a:pt x="34927" y="1433774"/>
                  <a:pt x="0" y="1221537"/>
                </a:cubicBezTo>
                <a:cubicBezTo>
                  <a:pt x="-34927" y="1009300"/>
                  <a:pt x="41465" y="993752"/>
                  <a:pt x="0" y="828708"/>
                </a:cubicBezTo>
                <a:cubicBezTo>
                  <a:pt x="-41465" y="663664"/>
                  <a:pt x="91211" y="233264"/>
                  <a:pt x="0" y="0"/>
                </a:cubicBezTo>
                <a:close/>
              </a:path>
              <a:path w="4372511" h="4843098" stroke="0" extrusionOk="0">
                <a:moveTo>
                  <a:pt x="0" y="0"/>
                </a:moveTo>
                <a:cubicBezTo>
                  <a:pt x="100707" y="-9998"/>
                  <a:pt x="338922" y="26242"/>
                  <a:pt x="502839" y="0"/>
                </a:cubicBezTo>
                <a:cubicBezTo>
                  <a:pt x="666756" y="-26242"/>
                  <a:pt x="759733" y="15995"/>
                  <a:pt x="961952" y="0"/>
                </a:cubicBezTo>
                <a:cubicBezTo>
                  <a:pt x="1164171" y="-15995"/>
                  <a:pt x="1323779" y="29888"/>
                  <a:pt x="1421066" y="0"/>
                </a:cubicBezTo>
                <a:cubicBezTo>
                  <a:pt x="1518353" y="-29888"/>
                  <a:pt x="1677930" y="17395"/>
                  <a:pt x="1923905" y="0"/>
                </a:cubicBezTo>
                <a:cubicBezTo>
                  <a:pt x="2169880" y="-17395"/>
                  <a:pt x="2360192" y="39095"/>
                  <a:pt x="2470469" y="0"/>
                </a:cubicBezTo>
                <a:cubicBezTo>
                  <a:pt x="2580746" y="-39095"/>
                  <a:pt x="2768278" y="26876"/>
                  <a:pt x="3017033" y="0"/>
                </a:cubicBezTo>
                <a:cubicBezTo>
                  <a:pt x="3265788" y="-26876"/>
                  <a:pt x="3233424" y="20589"/>
                  <a:pt x="3432421" y="0"/>
                </a:cubicBezTo>
                <a:cubicBezTo>
                  <a:pt x="3631418" y="-20589"/>
                  <a:pt x="3673178" y="43533"/>
                  <a:pt x="3891535" y="0"/>
                </a:cubicBezTo>
                <a:cubicBezTo>
                  <a:pt x="4109892" y="-43533"/>
                  <a:pt x="4184111" y="19088"/>
                  <a:pt x="4372511" y="0"/>
                </a:cubicBezTo>
                <a:cubicBezTo>
                  <a:pt x="4405431" y="181296"/>
                  <a:pt x="4326528" y="299757"/>
                  <a:pt x="4372511" y="441260"/>
                </a:cubicBezTo>
                <a:cubicBezTo>
                  <a:pt x="4418494" y="582763"/>
                  <a:pt x="4338451" y="825190"/>
                  <a:pt x="4372511" y="1027813"/>
                </a:cubicBezTo>
                <a:cubicBezTo>
                  <a:pt x="4406571" y="1230436"/>
                  <a:pt x="4369307" y="1248755"/>
                  <a:pt x="4372511" y="1420642"/>
                </a:cubicBezTo>
                <a:cubicBezTo>
                  <a:pt x="4375715" y="1592529"/>
                  <a:pt x="4333044" y="1816238"/>
                  <a:pt x="4372511" y="2007195"/>
                </a:cubicBezTo>
                <a:cubicBezTo>
                  <a:pt x="4411978" y="2198152"/>
                  <a:pt x="4350855" y="2449186"/>
                  <a:pt x="4372511" y="2593748"/>
                </a:cubicBezTo>
                <a:cubicBezTo>
                  <a:pt x="4394167" y="2738310"/>
                  <a:pt x="4337021" y="2891949"/>
                  <a:pt x="4372511" y="3083439"/>
                </a:cubicBezTo>
                <a:cubicBezTo>
                  <a:pt x="4408001" y="3274929"/>
                  <a:pt x="4304554" y="3549186"/>
                  <a:pt x="4372511" y="3669992"/>
                </a:cubicBezTo>
                <a:cubicBezTo>
                  <a:pt x="4440468" y="3790798"/>
                  <a:pt x="4343208" y="4039825"/>
                  <a:pt x="4372511" y="4256545"/>
                </a:cubicBezTo>
                <a:cubicBezTo>
                  <a:pt x="4401814" y="4473265"/>
                  <a:pt x="4332969" y="4715765"/>
                  <a:pt x="4372511" y="4843098"/>
                </a:cubicBezTo>
                <a:cubicBezTo>
                  <a:pt x="4173717" y="4863335"/>
                  <a:pt x="4057039" y="4784291"/>
                  <a:pt x="3825947" y="4843098"/>
                </a:cubicBezTo>
                <a:cubicBezTo>
                  <a:pt x="3594855" y="4901905"/>
                  <a:pt x="3537407" y="4793013"/>
                  <a:pt x="3323108" y="4843098"/>
                </a:cubicBezTo>
                <a:cubicBezTo>
                  <a:pt x="3108809" y="4893183"/>
                  <a:pt x="2970313" y="4814864"/>
                  <a:pt x="2820270" y="4843098"/>
                </a:cubicBezTo>
                <a:cubicBezTo>
                  <a:pt x="2670227" y="4871332"/>
                  <a:pt x="2531625" y="4788115"/>
                  <a:pt x="2317431" y="4843098"/>
                </a:cubicBezTo>
                <a:cubicBezTo>
                  <a:pt x="2103237" y="4898081"/>
                  <a:pt x="2025063" y="4799514"/>
                  <a:pt x="1814592" y="4843098"/>
                </a:cubicBezTo>
                <a:cubicBezTo>
                  <a:pt x="1604121" y="4886682"/>
                  <a:pt x="1490031" y="4819320"/>
                  <a:pt x="1180578" y="4843098"/>
                </a:cubicBezTo>
                <a:cubicBezTo>
                  <a:pt x="871125" y="4866876"/>
                  <a:pt x="891729" y="4794175"/>
                  <a:pt x="765189" y="4843098"/>
                </a:cubicBezTo>
                <a:cubicBezTo>
                  <a:pt x="638649" y="4892021"/>
                  <a:pt x="159450" y="4820892"/>
                  <a:pt x="0" y="4843098"/>
                </a:cubicBezTo>
                <a:cubicBezTo>
                  <a:pt x="-53005" y="4610844"/>
                  <a:pt x="8637" y="4514702"/>
                  <a:pt x="0" y="4208114"/>
                </a:cubicBezTo>
                <a:cubicBezTo>
                  <a:pt x="-8637" y="3901526"/>
                  <a:pt x="48181" y="3970277"/>
                  <a:pt x="0" y="3766854"/>
                </a:cubicBezTo>
                <a:cubicBezTo>
                  <a:pt x="-48181" y="3563431"/>
                  <a:pt x="38092" y="3457459"/>
                  <a:pt x="0" y="3228732"/>
                </a:cubicBezTo>
                <a:cubicBezTo>
                  <a:pt x="-38092" y="3000005"/>
                  <a:pt x="36794" y="2947849"/>
                  <a:pt x="0" y="2835903"/>
                </a:cubicBezTo>
                <a:cubicBezTo>
                  <a:pt x="-36794" y="2723957"/>
                  <a:pt x="24770" y="2539571"/>
                  <a:pt x="0" y="2346212"/>
                </a:cubicBezTo>
                <a:cubicBezTo>
                  <a:pt x="-24770" y="2152853"/>
                  <a:pt x="21717" y="2029114"/>
                  <a:pt x="0" y="1808090"/>
                </a:cubicBezTo>
                <a:cubicBezTo>
                  <a:pt x="-21717" y="1587066"/>
                  <a:pt x="21920" y="1437871"/>
                  <a:pt x="0" y="1173106"/>
                </a:cubicBezTo>
                <a:cubicBezTo>
                  <a:pt x="-21920" y="908341"/>
                  <a:pt x="56884" y="922254"/>
                  <a:pt x="0" y="683415"/>
                </a:cubicBezTo>
                <a:cubicBezTo>
                  <a:pt x="-56884" y="444576"/>
                  <a:pt x="47010" y="268145"/>
                  <a:pt x="0" y="0"/>
                </a:cubicBezTo>
                <a:close/>
              </a:path>
            </a:pathLst>
          </a:custGeom>
          <a:ln>
            <a:solidFill>
              <a:schemeClr val="tx1"/>
            </a:solidFill>
            <a:extLst>
              <a:ext uri="{C807C97D-BFC1-408E-A445-0C87EB9F89A2}">
                <ask:lineSketchStyleProps xmlns:ask="http://schemas.microsoft.com/office/drawing/2018/sketchyshapes" sd="3322920453">
                  <a:prstGeom prst="rect">
                    <a:avLst/>
                  </a:prstGeom>
                  <ask:type>
                    <ask:lineSketchScribble/>
                  </ask:type>
                </ask:lineSketchStyleProps>
              </a:ext>
            </a:extLst>
          </a:ln>
        </p:spPr>
      </p:pic>
      <p:sp>
        <p:nvSpPr>
          <p:cNvPr id="2" name="Title 3">
            <a:extLst>
              <a:ext uri="{FF2B5EF4-FFF2-40B4-BE49-F238E27FC236}">
                <a16:creationId xmlns:a16="http://schemas.microsoft.com/office/drawing/2014/main" id="{D94F8BFE-A67F-F843-1B67-1664D8CE0C4D}"/>
              </a:ext>
            </a:extLst>
          </p:cNvPr>
          <p:cNvSpPr txBox="1">
            <a:spLocks/>
          </p:cNvSpPr>
          <p:nvPr/>
        </p:nvSpPr>
        <p:spPr>
          <a:xfrm>
            <a:off x="1937568" y="125304"/>
            <a:ext cx="8315141" cy="501015"/>
          </a:xfrm>
          <a:prstGeom prst="homePlate">
            <a:avLst>
              <a:gd name="adj" fmla="val 110000"/>
            </a:avLst>
          </a:prstGeom>
          <a:solidFill>
            <a:srgbClr val="F8CBAD"/>
          </a:solidFill>
        </p:spPr>
        <p:txBody>
          <a:bodyPr vert="horz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Gotham" pitchFamily="50" charset="0"/>
                <a:ea typeface="+mj-ea"/>
                <a:cs typeface="+mj-cs"/>
              </a:defRPr>
            </a:lvl1pPr>
          </a:lstStyle>
          <a:p>
            <a:pPr>
              <a:lnSpc>
                <a:spcPct val="100000"/>
              </a:lnSpc>
            </a:pPr>
            <a:r>
              <a:rPr lang="en-IN" sz="2800" b="1" dirty="0"/>
              <a:t>Cathode Tab Design: Overall comparison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F83BDBF0-8808-960C-32A7-A30581907130}"/>
              </a:ext>
            </a:extLst>
          </p:cNvPr>
          <p:cNvSpPr txBox="1"/>
          <p:nvPr/>
        </p:nvSpPr>
        <p:spPr>
          <a:xfrm>
            <a:off x="2710454" y="5943600"/>
            <a:ext cx="875561" cy="369332"/>
          </a:xfrm>
          <a:custGeom>
            <a:avLst/>
            <a:gdLst>
              <a:gd name="connsiteX0" fmla="*/ 0 w 875561"/>
              <a:gd name="connsiteY0" fmla="*/ 0 h 369332"/>
              <a:gd name="connsiteX1" fmla="*/ 411514 w 875561"/>
              <a:gd name="connsiteY1" fmla="*/ 0 h 369332"/>
              <a:gd name="connsiteX2" fmla="*/ 875561 w 875561"/>
              <a:gd name="connsiteY2" fmla="*/ 0 h 369332"/>
              <a:gd name="connsiteX3" fmla="*/ 875561 w 875561"/>
              <a:gd name="connsiteY3" fmla="*/ 369332 h 369332"/>
              <a:gd name="connsiteX4" fmla="*/ 429025 w 875561"/>
              <a:gd name="connsiteY4" fmla="*/ 369332 h 369332"/>
              <a:gd name="connsiteX5" fmla="*/ 0 w 875561"/>
              <a:gd name="connsiteY5" fmla="*/ 369332 h 369332"/>
              <a:gd name="connsiteX6" fmla="*/ 0 w 875561"/>
              <a:gd name="connsiteY6" fmla="*/ 0 h 36933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875561" h="369332" fill="none" extrusionOk="0">
                <a:moveTo>
                  <a:pt x="0" y="0"/>
                </a:moveTo>
                <a:cubicBezTo>
                  <a:pt x="172815" y="1644"/>
                  <a:pt x="243390" y="-5670"/>
                  <a:pt x="411514" y="0"/>
                </a:cubicBezTo>
                <a:cubicBezTo>
                  <a:pt x="579638" y="5670"/>
                  <a:pt x="738734" y="4070"/>
                  <a:pt x="875561" y="0"/>
                </a:cubicBezTo>
                <a:cubicBezTo>
                  <a:pt x="873264" y="164854"/>
                  <a:pt x="872082" y="271692"/>
                  <a:pt x="875561" y="369332"/>
                </a:cubicBezTo>
                <a:cubicBezTo>
                  <a:pt x="701258" y="355782"/>
                  <a:pt x="580088" y="347774"/>
                  <a:pt x="429025" y="369332"/>
                </a:cubicBezTo>
                <a:cubicBezTo>
                  <a:pt x="277962" y="390890"/>
                  <a:pt x="163728" y="370958"/>
                  <a:pt x="0" y="369332"/>
                </a:cubicBezTo>
                <a:cubicBezTo>
                  <a:pt x="2826" y="267487"/>
                  <a:pt x="18282" y="165003"/>
                  <a:pt x="0" y="0"/>
                </a:cubicBezTo>
                <a:close/>
              </a:path>
              <a:path w="875561" h="369332" stroke="0" extrusionOk="0">
                <a:moveTo>
                  <a:pt x="0" y="0"/>
                </a:moveTo>
                <a:cubicBezTo>
                  <a:pt x="195619" y="-16075"/>
                  <a:pt x="321758" y="3032"/>
                  <a:pt x="411514" y="0"/>
                </a:cubicBezTo>
                <a:cubicBezTo>
                  <a:pt x="501270" y="-3032"/>
                  <a:pt x="673322" y="-20939"/>
                  <a:pt x="875561" y="0"/>
                </a:cubicBezTo>
                <a:cubicBezTo>
                  <a:pt x="869618" y="109658"/>
                  <a:pt x="887621" y="226912"/>
                  <a:pt x="875561" y="369332"/>
                </a:cubicBezTo>
                <a:cubicBezTo>
                  <a:pt x="670303" y="350441"/>
                  <a:pt x="567053" y="357744"/>
                  <a:pt x="455292" y="369332"/>
                </a:cubicBezTo>
                <a:cubicBezTo>
                  <a:pt x="343531" y="380920"/>
                  <a:pt x="134497" y="346635"/>
                  <a:pt x="0" y="369332"/>
                </a:cubicBezTo>
                <a:cubicBezTo>
                  <a:pt x="17046" y="194012"/>
                  <a:pt x="-16701" y="176343"/>
                  <a:pt x="0" y="0"/>
                </a:cubicBezTo>
                <a:close/>
              </a:path>
            </a:pathLst>
          </a:custGeom>
          <a:solidFill>
            <a:schemeClr val="bg1"/>
          </a:solidFill>
          <a:ln>
            <a:solidFill>
              <a:schemeClr val="tx1"/>
            </a:solidFill>
            <a:extLst>
              <a:ext uri="{C807C97D-BFC1-408E-A445-0C87EB9F89A2}">
                <ask:lineSketchStyleProps xmlns:ask="http://schemas.microsoft.com/office/drawing/2018/sketchyshapes" sd="126692786">
                  <a:prstGeom prst="rect">
                    <a:avLst/>
                  </a:prstGeom>
                  <ask:type>
                    <ask:lineSketchFreehand/>
                  </ask:type>
                </ask:lineSketchStyleProps>
              </a:ext>
            </a:extLst>
          </a:ln>
        </p:spPr>
        <p:txBody>
          <a:bodyPr wrap="none" rtlCol="0">
            <a:spAutoFit/>
          </a:bodyPr>
          <a:lstStyle/>
          <a:p>
            <a:r>
              <a:rPr lang="en-US" dirty="0"/>
              <a:t>Sample</a:t>
            </a:r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350096663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7164282-C8C5-5C2A-0F72-533D267473C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F3ECC6C6-1904-E654-363F-AE3B7323F2D1}"/>
              </a:ext>
            </a:extLst>
          </p:cNvPr>
          <p:cNvGraphicFramePr>
            <a:graphicFrameLocks noGrp="1"/>
          </p:cNvGraphicFramePr>
          <p:nvPr/>
        </p:nvGraphicFramePr>
        <p:xfrm>
          <a:off x="156000" y="1057994"/>
          <a:ext cx="10395000" cy="3736080"/>
        </p:xfrm>
        <a:graphic>
          <a:graphicData uri="http://schemas.openxmlformats.org/drawingml/2006/table">
            <a:tbl>
              <a:tblPr firstRow="1" bandRow="1">
                <a:tableStyleId>{073A0DAA-6AF3-43AB-8588-CEC1D06C72B9}</a:tableStyleId>
              </a:tblPr>
              <a:tblGrid>
                <a:gridCol w="1485000">
                  <a:extLst>
                    <a:ext uri="{9D8B030D-6E8A-4147-A177-3AD203B41FA5}">
                      <a16:colId xmlns:a16="http://schemas.microsoft.com/office/drawing/2014/main" val="40202392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1011360498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2769497312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3122057041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3106912191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3346181596"/>
                    </a:ext>
                  </a:extLst>
                </a:gridCol>
                <a:gridCol w="1485000">
                  <a:extLst>
                    <a:ext uri="{9D8B030D-6E8A-4147-A177-3AD203B41FA5}">
                      <a16:colId xmlns:a16="http://schemas.microsoft.com/office/drawing/2014/main" val="2287965158"/>
                    </a:ext>
                  </a:extLst>
                </a:gridCol>
              </a:tblGrid>
              <a:tr h="324000">
                <a:tc>
                  <a:txBody>
                    <a:bodyPr/>
                    <a:lstStyle/>
                    <a:p>
                      <a:pPr algn="ctr"/>
                      <a:r>
                        <a:rPr lang="en-IN" dirty="0"/>
                        <a:t>BAK 5.5_ 21700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4</a:t>
                      </a:r>
                      <a:r>
                        <a:rPr lang="en-IN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680 Gen2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800" b="0" i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livex</a:t>
                      </a:r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32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CBAK 3214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8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EVE 5.0_21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800" b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Moilicell</a:t>
                      </a:r>
                      <a:r>
                        <a:rPr lang="en-IN" sz="18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4.2 21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RIN 5.8_21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28126579"/>
                  </a:ext>
                </a:extLst>
              </a:tr>
              <a:tr h="3096000"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TABLESS</a:t>
                      </a:r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00036847"/>
                  </a:ext>
                </a:extLst>
              </a:tr>
            </a:tbl>
          </a:graphicData>
        </a:graphic>
      </p:graphicFrame>
      <p:sp>
        <p:nvSpPr>
          <p:cNvPr id="2" name="Title 3">
            <a:extLst>
              <a:ext uri="{FF2B5EF4-FFF2-40B4-BE49-F238E27FC236}">
                <a16:creationId xmlns:a16="http://schemas.microsoft.com/office/drawing/2014/main" id="{5321122D-867D-8C91-E60B-67E67A0E5E06}"/>
              </a:ext>
            </a:extLst>
          </p:cNvPr>
          <p:cNvSpPr txBox="1">
            <a:spLocks/>
          </p:cNvSpPr>
          <p:nvPr/>
        </p:nvSpPr>
        <p:spPr>
          <a:xfrm>
            <a:off x="1937568" y="125304"/>
            <a:ext cx="8315141" cy="501015"/>
          </a:xfrm>
          <a:prstGeom prst="homePlate">
            <a:avLst>
              <a:gd name="adj" fmla="val 110000"/>
            </a:avLst>
          </a:prstGeom>
          <a:solidFill>
            <a:srgbClr val="F8CBAD"/>
          </a:solidFill>
        </p:spPr>
        <p:txBody>
          <a:bodyPr vert="horz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Gotham" pitchFamily="50" charset="0"/>
                <a:ea typeface="+mj-ea"/>
                <a:cs typeface="+mj-cs"/>
              </a:defRPr>
            </a:lvl1pPr>
          </a:lstStyle>
          <a:p>
            <a:pPr>
              <a:lnSpc>
                <a:spcPct val="100000"/>
              </a:lnSpc>
            </a:pPr>
            <a:r>
              <a:rPr lang="en-IN" sz="2800" b="1" dirty="0"/>
              <a:t>Anode Tab Design: Overall comparison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7221276A-6BC2-A99F-AD7A-98F03206124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767783" y="1891091"/>
            <a:ext cx="3819560" cy="4651223"/>
          </a:xfrm>
          <a:custGeom>
            <a:avLst/>
            <a:gdLst>
              <a:gd name="connsiteX0" fmla="*/ 0 w 3819560"/>
              <a:gd name="connsiteY0" fmla="*/ 0 h 4651223"/>
              <a:gd name="connsiteX1" fmla="*/ 431065 w 3819560"/>
              <a:gd name="connsiteY1" fmla="*/ 0 h 4651223"/>
              <a:gd name="connsiteX2" fmla="*/ 862129 w 3819560"/>
              <a:gd name="connsiteY2" fmla="*/ 0 h 4651223"/>
              <a:gd name="connsiteX3" fmla="*/ 1407781 w 3819560"/>
              <a:gd name="connsiteY3" fmla="*/ 0 h 4651223"/>
              <a:gd name="connsiteX4" fmla="*/ 1915237 w 3819560"/>
              <a:gd name="connsiteY4" fmla="*/ 0 h 4651223"/>
              <a:gd name="connsiteX5" fmla="*/ 2346301 w 3819560"/>
              <a:gd name="connsiteY5" fmla="*/ 0 h 4651223"/>
              <a:gd name="connsiteX6" fmla="*/ 2853757 w 3819560"/>
              <a:gd name="connsiteY6" fmla="*/ 0 h 4651223"/>
              <a:gd name="connsiteX7" fmla="*/ 3323017 w 3819560"/>
              <a:gd name="connsiteY7" fmla="*/ 0 h 4651223"/>
              <a:gd name="connsiteX8" fmla="*/ 3819560 w 3819560"/>
              <a:gd name="connsiteY8" fmla="*/ 0 h 4651223"/>
              <a:gd name="connsiteX9" fmla="*/ 3819560 w 3819560"/>
              <a:gd name="connsiteY9" fmla="*/ 674427 h 4651223"/>
              <a:gd name="connsiteX10" fmla="*/ 3819560 w 3819560"/>
              <a:gd name="connsiteY10" fmla="*/ 1348855 h 4651223"/>
              <a:gd name="connsiteX11" fmla="*/ 3819560 w 3819560"/>
              <a:gd name="connsiteY11" fmla="*/ 1883745 h 4651223"/>
              <a:gd name="connsiteX12" fmla="*/ 3819560 w 3819560"/>
              <a:gd name="connsiteY12" fmla="*/ 2465148 h 4651223"/>
              <a:gd name="connsiteX13" fmla="*/ 3819560 w 3819560"/>
              <a:gd name="connsiteY13" fmla="*/ 3046551 h 4651223"/>
              <a:gd name="connsiteX14" fmla="*/ 3819560 w 3819560"/>
              <a:gd name="connsiteY14" fmla="*/ 3581442 h 4651223"/>
              <a:gd name="connsiteX15" fmla="*/ 3819560 w 3819560"/>
              <a:gd name="connsiteY15" fmla="*/ 4069820 h 4651223"/>
              <a:gd name="connsiteX16" fmla="*/ 3819560 w 3819560"/>
              <a:gd name="connsiteY16" fmla="*/ 4651223 h 4651223"/>
              <a:gd name="connsiteX17" fmla="*/ 3350300 w 3819560"/>
              <a:gd name="connsiteY17" fmla="*/ 4651223 h 4651223"/>
              <a:gd name="connsiteX18" fmla="*/ 2766453 w 3819560"/>
              <a:gd name="connsiteY18" fmla="*/ 4651223 h 4651223"/>
              <a:gd name="connsiteX19" fmla="*/ 2220801 w 3819560"/>
              <a:gd name="connsiteY19" fmla="*/ 4651223 h 4651223"/>
              <a:gd name="connsiteX20" fmla="*/ 1636954 w 3819560"/>
              <a:gd name="connsiteY20" fmla="*/ 4651223 h 4651223"/>
              <a:gd name="connsiteX21" fmla="*/ 1129498 w 3819560"/>
              <a:gd name="connsiteY21" fmla="*/ 4651223 h 4651223"/>
              <a:gd name="connsiteX22" fmla="*/ 545651 w 3819560"/>
              <a:gd name="connsiteY22" fmla="*/ 4651223 h 4651223"/>
              <a:gd name="connsiteX23" fmla="*/ 0 w 3819560"/>
              <a:gd name="connsiteY23" fmla="*/ 4651223 h 4651223"/>
              <a:gd name="connsiteX24" fmla="*/ 0 w 3819560"/>
              <a:gd name="connsiteY24" fmla="*/ 3976796 h 4651223"/>
              <a:gd name="connsiteX25" fmla="*/ 0 w 3819560"/>
              <a:gd name="connsiteY25" fmla="*/ 3534929 h 4651223"/>
              <a:gd name="connsiteX26" fmla="*/ 0 w 3819560"/>
              <a:gd name="connsiteY26" fmla="*/ 2907014 h 4651223"/>
              <a:gd name="connsiteX27" fmla="*/ 0 w 3819560"/>
              <a:gd name="connsiteY27" fmla="*/ 2372124 h 4651223"/>
              <a:gd name="connsiteX28" fmla="*/ 0 w 3819560"/>
              <a:gd name="connsiteY28" fmla="*/ 1790721 h 4651223"/>
              <a:gd name="connsiteX29" fmla="*/ 0 w 3819560"/>
              <a:gd name="connsiteY29" fmla="*/ 1348855 h 4651223"/>
              <a:gd name="connsiteX30" fmla="*/ 0 w 3819560"/>
              <a:gd name="connsiteY30" fmla="*/ 860476 h 4651223"/>
              <a:gd name="connsiteX31" fmla="*/ 0 w 3819560"/>
              <a:gd name="connsiteY31" fmla="*/ 0 h 465122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</a:cxnLst>
            <a:rect l="l" t="t" r="r" b="b"/>
            <a:pathLst>
              <a:path w="3819560" h="4651223" fill="none" extrusionOk="0">
                <a:moveTo>
                  <a:pt x="0" y="0"/>
                </a:moveTo>
                <a:cubicBezTo>
                  <a:pt x="119196" y="-12718"/>
                  <a:pt x="326975" y="49534"/>
                  <a:pt x="431065" y="0"/>
                </a:cubicBezTo>
                <a:cubicBezTo>
                  <a:pt x="535156" y="-49534"/>
                  <a:pt x="687629" y="25961"/>
                  <a:pt x="862129" y="0"/>
                </a:cubicBezTo>
                <a:cubicBezTo>
                  <a:pt x="1036629" y="-25961"/>
                  <a:pt x="1286341" y="14953"/>
                  <a:pt x="1407781" y="0"/>
                </a:cubicBezTo>
                <a:cubicBezTo>
                  <a:pt x="1529221" y="-14953"/>
                  <a:pt x="1738652" y="43558"/>
                  <a:pt x="1915237" y="0"/>
                </a:cubicBezTo>
                <a:cubicBezTo>
                  <a:pt x="2091822" y="-43558"/>
                  <a:pt x="2133102" y="27910"/>
                  <a:pt x="2346301" y="0"/>
                </a:cubicBezTo>
                <a:cubicBezTo>
                  <a:pt x="2559500" y="-27910"/>
                  <a:pt x="2678377" y="33712"/>
                  <a:pt x="2853757" y="0"/>
                </a:cubicBezTo>
                <a:cubicBezTo>
                  <a:pt x="3029137" y="-33712"/>
                  <a:pt x="3218092" y="27320"/>
                  <a:pt x="3323017" y="0"/>
                </a:cubicBezTo>
                <a:cubicBezTo>
                  <a:pt x="3427942" y="-27320"/>
                  <a:pt x="3604724" y="48871"/>
                  <a:pt x="3819560" y="0"/>
                </a:cubicBezTo>
                <a:cubicBezTo>
                  <a:pt x="3840346" y="290911"/>
                  <a:pt x="3799450" y="506258"/>
                  <a:pt x="3819560" y="674427"/>
                </a:cubicBezTo>
                <a:cubicBezTo>
                  <a:pt x="3839670" y="842596"/>
                  <a:pt x="3788417" y="1037817"/>
                  <a:pt x="3819560" y="1348855"/>
                </a:cubicBezTo>
                <a:cubicBezTo>
                  <a:pt x="3850703" y="1659893"/>
                  <a:pt x="3815836" y="1667218"/>
                  <a:pt x="3819560" y="1883745"/>
                </a:cubicBezTo>
                <a:cubicBezTo>
                  <a:pt x="3823284" y="2100272"/>
                  <a:pt x="3782442" y="2335215"/>
                  <a:pt x="3819560" y="2465148"/>
                </a:cubicBezTo>
                <a:cubicBezTo>
                  <a:pt x="3856678" y="2595081"/>
                  <a:pt x="3815306" y="2894584"/>
                  <a:pt x="3819560" y="3046551"/>
                </a:cubicBezTo>
                <a:cubicBezTo>
                  <a:pt x="3823814" y="3198518"/>
                  <a:pt x="3814924" y="3453552"/>
                  <a:pt x="3819560" y="3581442"/>
                </a:cubicBezTo>
                <a:cubicBezTo>
                  <a:pt x="3824196" y="3709332"/>
                  <a:pt x="3776801" y="3904999"/>
                  <a:pt x="3819560" y="4069820"/>
                </a:cubicBezTo>
                <a:cubicBezTo>
                  <a:pt x="3862319" y="4234641"/>
                  <a:pt x="3802352" y="4411204"/>
                  <a:pt x="3819560" y="4651223"/>
                </a:cubicBezTo>
                <a:cubicBezTo>
                  <a:pt x="3707122" y="4690214"/>
                  <a:pt x="3533554" y="4649750"/>
                  <a:pt x="3350300" y="4651223"/>
                </a:cubicBezTo>
                <a:cubicBezTo>
                  <a:pt x="3167046" y="4652696"/>
                  <a:pt x="2971179" y="4591572"/>
                  <a:pt x="2766453" y="4651223"/>
                </a:cubicBezTo>
                <a:cubicBezTo>
                  <a:pt x="2561727" y="4710874"/>
                  <a:pt x="2368323" y="4596202"/>
                  <a:pt x="2220801" y="4651223"/>
                </a:cubicBezTo>
                <a:cubicBezTo>
                  <a:pt x="2073279" y="4706244"/>
                  <a:pt x="1764181" y="4634422"/>
                  <a:pt x="1636954" y="4651223"/>
                </a:cubicBezTo>
                <a:cubicBezTo>
                  <a:pt x="1509727" y="4668024"/>
                  <a:pt x="1244068" y="4639630"/>
                  <a:pt x="1129498" y="4651223"/>
                </a:cubicBezTo>
                <a:cubicBezTo>
                  <a:pt x="1014928" y="4662816"/>
                  <a:pt x="689749" y="4610590"/>
                  <a:pt x="545651" y="4651223"/>
                </a:cubicBezTo>
                <a:cubicBezTo>
                  <a:pt x="401553" y="4691856"/>
                  <a:pt x="271304" y="4601753"/>
                  <a:pt x="0" y="4651223"/>
                </a:cubicBezTo>
                <a:cubicBezTo>
                  <a:pt x="-36762" y="4444173"/>
                  <a:pt x="21350" y="4173005"/>
                  <a:pt x="0" y="3976796"/>
                </a:cubicBezTo>
                <a:cubicBezTo>
                  <a:pt x="-21350" y="3780587"/>
                  <a:pt x="49500" y="3658257"/>
                  <a:pt x="0" y="3534929"/>
                </a:cubicBezTo>
                <a:cubicBezTo>
                  <a:pt x="-49500" y="3411601"/>
                  <a:pt x="3775" y="3087534"/>
                  <a:pt x="0" y="2907014"/>
                </a:cubicBezTo>
                <a:cubicBezTo>
                  <a:pt x="-3775" y="2726495"/>
                  <a:pt x="2724" y="2518963"/>
                  <a:pt x="0" y="2372124"/>
                </a:cubicBezTo>
                <a:cubicBezTo>
                  <a:pt x="-2724" y="2225285"/>
                  <a:pt x="45719" y="1978970"/>
                  <a:pt x="0" y="1790721"/>
                </a:cubicBezTo>
                <a:cubicBezTo>
                  <a:pt x="-45719" y="1602472"/>
                  <a:pt x="5920" y="1551073"/>
                  <a:pt x="0" y="1348855"/>
                </a:cubicBezTo>
                <a:cubicBezTo>
                  <a:pt x="-5920" y="1146637"/>
                  <a:pt x="28450" y="1091385"/>
                  <a:pt x="0" y="860476"/>
                </a:cubicBezTo>
                <a:cubicBezTo>
                  <a:pt x="-28450" y="629567"/>
                  <a:pt x="50865" y="200669"/>
                  <a:pt x="0" y="0"/>
                </a:cubicBezTo>
                <a:close/>
              </a:path>
              <a:path w="3819560" h="4651223" stroke="0" extrusionOk="0">
                <a:moveTo>
                  <a:pt x="0" y="0"/>
                </a:moveTo>
                <a:cubicBezTo>
                  <a:pt x="244154" y="-25647"/>
                  <a:pt x="346493" y="37728"/>
                  <a:pt x="583847" y="0"/>
                </a:cubicBezTo>
                <a:cubicBezTo>
                  <a:pt x="821201" y="-37728"/>
                  <a:pt x="895390" y="16045"/>
                  <a:pt x="1091303" y="0"/>
                </a:cubicBezTo>
                <a:cubicBezTo>
                  <a:pt x="1287216" y="-16045"/>
                  <a:pt x="1342575" y="34930"/>
                  <a:pt x="1522367" y="0"/>
                </a:cubicBezTo>
                <a:cubicBezTo>
                  <a:pt x="1702159" y="-34930"/>
                  <a:pt x="1817036" y="45983"/>
                  <a:pt x="2068019" y="0"/>
                </a:cubicBezTo>
                <a:cubicBezTo>
                  <a:pt x="2319002" y="-45983"/>
                  <a:pt x="2328511" y="11745"/>
                  <a:pt x="2537279" y="0"/>
                </a:cubicBezTo>
                <a:cubicBezTo>
                  <a:pt x="2746047" y="-11745"/>
                  <a:pt x="2864541" y="53674"/>
                  <a:pt x="3121126" y="0"/>
                </a:cubicBezTo>
                <a:cubicBezTo>
                  <a:pt x="3377711" y="-53674"/>
                  <a:pt x="3510386" y="31206"/>
                  <a:pt x="3819560" y="0"/>
                </a:cubicBezTo>
                <a:cubicBezTo>
                  <a:pt x="3861655" y="126423"/>
                  <a:pt x="3765445" y="274667"/>
                  <a:pt x="3819560" y="488378"/>
                </a:cubicBezTo>
                <a:cubicBezTo>
                  <a:pt x="3873675" y="702089"/>
                  <a:pt x="3819416" y="829070"/>
                  <a:pt x="3819560" y="1023269"/>
                </a:cubicBezTo>
                <a:cubicBezTo>
                  <a:pt x="3819704" y="1217468"/>
                  <a:pt x="3809667" y="1413604"/>
                  <a:pt x="3819560" y="1697696"/>
                </a:cubicBezTo>
                <a:cubicBezTo>
                  <a:pt x="3829453" y="1981788"/>
                  <a:pt x="3791690" y="2062745"/>
                  <a:pt x="3819560" y="2372124"/>
                </a:cubicBezTo>
                <a:cubicBezTo>
                  <a:pt x="3847430" y="2681503"/>
                  <a:pt x="3803646" y="2690023"/>
                  <a:pt x="3819560" y="2813990"/>
                </a:cubicBezTo>
                <a:cubicBezTo>
                  <a:pt x="3835474" y="2937957"/>
                  <a:pt x="3817487" y="3062758"/>
                  <a:pt x="3819560" y="3255856"/>
                </a:cubicBezTo>
                <a:cubicBezTo>
                  <a:pt x="3821633" y="3448954"/>
                  <a:pt x="3813472" y="3581103"/>
                  <a:pt x="3819560" y="3697722"/>
                </a:cubicBezTo>
                <a:cubicBezTo>
                  <a:pt x="3825648" y="3814341"/>
                  <a:pt x="3773782" y="4193106"/>
                  <a:pt x="3819560" y="4651223"/>
                </a:cubicBezTo>
                <a:cubicBezTo>
                  <a:pt x="3653776" y="4706963"/>
                  <a:pt x="3479784" y="4582968"/>
                  <a:pt x="3197517" y="4651223"/>
                </a:cubicBezTo>
                <a:cubicBezTo>
                  <a:pt x="2915250" y="4719478"/>
                  <a:pt x="2813668" y="4597796"/>
                  <a:pt x="2613670" y="4651223"/>
                </a:cubicBezTo>
                <a:cubicBezTo>
                  <a:pt x="2413672" y="4704650"/>
                  <a:pt x="2370144" y="4606204"/>
                  <a:pt x="2182606" y="4651223"/>
                </a:cubicBezTo>
                <a:cubicBezTo>
                  <a:pt x="1995068" y="4696242"/>
                  <a:pt x="1927459" y="4595909"/>
                  <a:pt x="1713345" y="4651223"/>
                </a:cubicBezTo>
                <a:cubicBezTo>
                  <a:pt x="1499231" y="4706537"/>
                  <a:pt x="1427999" y="4636940"/>
                  <a:pt x="1205890" y="4651223"/>
                </a:cubicBezTo>
                <a:cubicBezTo>
                  <a:pt x="983782" y="4665506"/>
                  <a:pt x="841555" y="4633809"/>
                  <a:pt x="736629" y="4651223"/>
                </a:cubicBezTo>
                <a:cubicBezTo>
                  <a:pt x="631703" y="4668637"/>
                  <a:pt x="281699" y="4589547"/>
                  <a:pt x="0" y="4651223"/>
                </a:cubicBezTo>
                <a:cubicBezTo>
                  <a:pt x="-9584" y="4443099"/>
                  <a:pt x="28513" y="4226804"/>
                  <a:pt x="0" y="4116332"/>
                </a:cubicBezTo>
                <a:cubicBezTo>
                  <a:pt x="-28513" y="4005860"/>
                  <a:pt x="72886" y="3637759"/>
                  <a:pt x="0" y="3441905"/>
                </a:cubicBezTo>
                <a:cubicBezTo>
                  <a:pt x="-72886" y="3246051"/>
                  <a:pt x="14156" y="3113205"/>
                  <a:pt x="0" y="3000039"/>
                </a:cubicBezTo>
                <a:cubicBezTo>
                  <a:pt x="-14156" y="2886873"/>
                  <a:pt x="59623" y="2581268"/>
                  <a:pt x="0" y="2372124"/>
                </a:cubicBezTo>
                <a:cubicBezTo>
                  <a:pt x="-59623" y="2162981"/>
                  <a:pt x="52642" y="1897169"/>
                  <a:pt x="0" y="1697696"/>
                </a:cubicBezTo>
                <a:cubicBezTo>
                  <a:pt x="-52642" y="1498223"/>
                  <a:pt x="58230" y="1287430"/>
                  <a:pt x="0" y="1116294"/>
                </a:cubicBezTo>
                <a:cubicBezTo>
                  <a:pt x="-58230" y="945158"/>
                  <a:pt x="14432" y="856947"/>
                  <a:pt x="0" y="674427"/>
                </a:cubicBezTo>
                <a:cubicBezTo>
                  <a:pt x="-14432" y="491907"/>
                  <a:pt x="30128" y="220998"/>
                  <a:pt x="0" y="0"/>
                </a:cubicBezTo>
                <a:close/>
              </a:path>
            </a:pathLst>
          </a:custGeom>
          <a:ln>
            <a:solidFill>
              <a:schemeClr val="tx1"/>
            </a:solidFill>
            <a:extLst>
              <a:ext uri="{C807C97D-BFC1-408E-A445-0C87EB9F89A2}">
                <ask:lineSketchStyleProps xmlns:ask="http://schemas.microsoft.com/office/drawing/2018/sketchyshapes" sd="848910217">
                  <a:prstGeom prst="rect">
                    <a:avLst/>
                  </a:prstGeom>
                  <ask:type>
                    <ask:lineSketchScribble/>
                  </ask:type>
                </ask:lineSketchStyleProps>
              </a:ext>
            </a:extLst>
          </a:ln>
        </p:spPr>
      </p:pic>
      <p:sp>
        <p:nvSpPr>
          <p:cNvPr id="4" name="TextBox 3">
            <a:extLst>
              <a:ext uri="{FF2B5EF4-FFF2-40B4-BE49-F238E27FC236}">
                <a16:creationId xmlns:a16="http://schemas.microsoft.com/office/drawing/2014/main" id="{4DD18472-72D9-4FE1-96CB-F087A0EC0933}"/>
              </a:ext>
            </a:extLst>
          </p:cNvPr>
          <p:cNvSpPr txBox="1"/>
          <p:nvPr/>
        </p:nvSpPr>
        <p:spPr>
          <a:xfrm>
            <a:off x="3026139" y="5298862"/>
            <a:ext cx="875561" cy="369332"/>
          </a:xfrm>
          <a:custGeom>
            <a:avLst/>
            <a:gdLst>
              <a:gd name="connsiteX0" fmla="*/ 0 w 875561"/>
              <a:gd name="connsiteY0" fmla="*/ 0 h 369332"/>
              <a:gd name="connsiteX1" fmla="*/ 411514 w 875561"/>
              <a:gd name="connsiteY1" fmla="*/ 0 h 369332"/>
              <a:gd name="connsiteX2" fmla="*/ 875561 w 875561"/>
              <a:gd name="connsiteY2" fmla="*/ 0 h 369332"/>
              <a:gd name="connsiteX3" fmla="*/ 875561 w 875561"/>
              <a:gd name="connsiteY3" fmla="*/ 369332 h 369332"/>
              <a:gd name="connsiteX4" fmla="*/ 429025 w 875561"/>
              <a:gd name="connsiteY4" fmla="*/ 369332 h 369332"/>
              <a:gd name="connsiteX5" fmla="*/ 0 w 875561"/>
              <a:gd name="connsiteY5" fmla="*/ 369332 h 369332"/>
              <a:gd name="connsiteX6" fmla="*/ 0 w 875561"/>
              <a:gd name="connsiteY6" fmla="*/ 0 h 36933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875561" h="369332" fill="none" extrusionOk="0">
                <a:moveTo>
                  <a:pt x="0" y="0"/>
                </a:moveTo>
                <a:cubicBezTo>
                  <a:pt x="172815" y="1644"/>
                  <a:pt x="243390" y="-5670"/>
                  <a:pt x="411514" y="0"/>
                </a:cubicBezTo>
                <a:cubicBezTo>
                  <a:pt x="579638" y="5670"/>
                  <a:pt x="738734" y="4070"/>
                  <a:pt x="875561" y="0"/>
                </a:cubicBezTo>
                <a:cubicBezTo>
                  <a:pt x="873264" y="164854"/>
                  <a:pt x="872082" y="271692"/>
                  <a:pt x="875561" y="369332"/>
                </a:cubicBezTo>
                <a:cubicBezTo>
                  <a:pt x="701258" y="355782"/>
                  <a:pt x="580088" y="347774"/>
                  <a:pt x="429025" y="369332"/>
                </a:cubicBezTo>
                <a:cubicBezTo>
                  <a:pt x="277962" y="390890"/>
                  <a:pt x="163728" y="370958"/>
                  <a:pt x="0" y="369332"/>
                </a:cubicBezTo>
                <a:cubicBezTo>
                  <a:pt x="2826" y="267487"/>
                  <a:pt x="18282" y="165003"/>
                  <a:pt x="0" y="0"/>
                </a:cubicBezTo>
                <a:close/>
              </a:path>
              <a:path w="875561" h="369332" stroke="0" extrusionOk="0">
                <a:moveTo>
                  <a:pt x="0" y="0"/>
                </a:moveTo>
                <a:cubicBezTo>
                  <a:pt x="195619" y="-16075"/>
                  <a:pt x="321758" y="3032"/>
                  <a:pt x="411514" y="0"/>
                </a:cubicBezTo>
                <a:cubicBezTo>
                  <a:pt x="501270" y="-3032"/>
                  <a:pt x="673322" y="-20939"/>
                  <a:pt x="875561" y="0"/>
                </a:cubicBezTo>
                <a:cubicBezTo>
                  <a:pt x="869618" y="109658"/>
                  <a:pt x="887621" y="226912"/>
                  <a:pt x="875561" y="369332"/>
                </a:cubicBezTo>
                <a:cubicBezTo>
                  <a:pt x="670303" y="350441"/>
                  <a:pt x="567053" y="357744"/>
                  <a:pt x="455292" y="369332"/>
                </a:cubicBezTo>
                <a:cubicBezTo>
                  <a:pt x="343531" y="380920"/>
                  <a:pt x="134497" y="346635"/>
                  <a:pt x="0" y="369332"/>
                </a:cubicBezTo>
                <a:cubicBezTo>
                  <a:pt x="17046" y="194012"/>
                  <a:pt x="-16701" y="176343"/>
                  <a:pt x="0" y="0"/>
                </a:cubicBezTo>
                <a:close/>
              </a:path>
            </a:pathLst>
          </a:custGeom>
          <a:solidFill>
            <a:schemeClr val="bg1"/>
          </a:solidFill>
          <a:ln>
            <a:solidFill>
              <a:schemeClr val="tx1"/>
            </a:solidFill>
            <a:extLst>
              <a:ext uri="{C807C97D-BFC1-408E-A445-0C87EB9F89A2}">
                <ask:lineSketchStyleProps xmlns:ask="http://schemas.microsoft.com/office/drawing/2018/sketchyshapes" sd="126692786">
                  <a:prstGeom prst="rect">
                    <a:avLst/>
                  </a:prstGeom>
                  <ask:type>
                    <ask:lineSketchFreehand/>
                  </ask:type>
                </ask:lineSketchStyleProps>
              </a:ext>
            </a:extLst>
          </a:ln>
        </p:spPr>
        <p:txBody>
          <a:bodyPr wrap="none" rtlCol="0">
            <a:spAutoFit/>
          </a:bodyPr>
          <a:lstStyle/>
          <a:p>
            <a:r>
              <a:rPr lang="en-US" dirty="0"/>
              <a:t>Sample</a:t>
            </a:r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3512443429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D36752CD-225B-05DA-9C37-C53AFE5337F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13712382"/>
              </p:ext>
            </p:extLst>
          </p:nvPr>
        </p:nvGraphicFramePr>
        <p:xfrm>
          <a:off x="311999" y="1196106"/>
          <a:ext cx="11880001" cy="5367486"/>
        </p:xfrm>
        <a:graphic>
          <a:graphicData uri="http://schemas.openxmlformats.org/drawingml/2006/table">
            <a:tbl>
              <a:tblPr firstRow="1" bandRow="1">
                <a:tableStyleId>{073A0DAA-6AF3-43AB-8588-CEC1D06C72B9}</a:tableStyleId>
              </a:tblPr>
              <a:tblGrid>
                <a:gridCol w="1697143">
                  <a:extLst>
                    <a:ext uri="{9D8B030D-6E8A-4147-A177-3AD203B41FA5}">
                      <a16:colId xmlns:a16="http://schemas.microsoft.com/office/drawing/2014/main" val="3250791882"/>
                    </a:ext>
                  </a:extLst>
                </a:gridCol>
                <a:gridCol w="1697143">
                  <a:extLst>
                    <a:ext uri="{9D8B030D-6E8A-4147-A177-3AD203B41FA5}">
                      <a16:colId xmlns:a16="http://schemas.microsoft.com/office/drawing/2014/main" val="40202392"/>
                    </a:ext>
                  </a:extLst>
                </a:gridCol>
                <a:gridCol w="1697143">
                  <a:extLst>
                    <a:ext uri="{9D8B030D-6E8A-4147-A177-3AD203B41FA5}">
                      <a16:colId xmlns:a16="http://schemas.microsoft.com/office/drawing/2014/main" val="1011360498"/>
                    </a:ext>
                  </a:extLst>
                </a:gridCol>
                <a:gridCol w="1697143">
                  <a:extLst>
                    <a:ext uri="{9D8B030D-6E8A-4147-A177-3AD203B41FA5}">
                      <a16:colId xmlns:a16="http://schemas.microsoft.com/office/drawing/2014/main" val="2769497312"/>
                    </a:ext>
                  </a:extLst>
                </a:gridCol>
                <a:gridCol w="1697143">
                  <a:extLst>
                    <a:ext uri="{9D8B030D-6E8A-4147-A177-3AD203B41FA5}">
                      <a16:colId xmlns:a16="http://schemas.microsoft.com/office/drawing/2014/main" val="3106912191"/>
                    </a:ext>
                  </a:extLst>
                </a:gridCol>
                <a:gridCol w="1697143">
                  <a:extLst>
                    <a:ext uri="{9D8B030D-6E8A-4147-A177-3AD203B41FA5}">
                      <a16:colId xmlns:a16="http://schemas.microsoft.com/office/drawing/2014/main" val="1232834685"/>
                    </a:ext>
                  </a:extLst>
                </a:gridCol>
                <a:gridCol w="1697143">
                  <a:extLst>
                    <a:ext uri="{9D8B030D-6E8A-4147-A177-3AD203B41FA5}">
                      <a16:colId xmlns:a16="http://schemas.microsoft.com/office/drawing/2014/main" val="2077047612"/>
                    </a:ext>
                  </a:extLst>
                </a:gridCol>
              </a:tblGrid>
              <a:tr h="527219">
                <a:tc>
                  <a:txBody>
                    <a:bodyPr/>
                    <a:lstStyle/>
                    <a:p>
                      <a:pPr algn="ctr"/>
                      <a:r>
                        <a:rPr lang="en-IN" dirty="0"/>
                        <a:t>BAK 5.5_ 21700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4</a:t>
                      </a:r>
                      <a:r>
                        <a:rPr lang="en-IN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680 Gen2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800" b="0" i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livex</a:t>
                      </a:r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32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CBAK 3214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8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EVE 5.0_21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800" b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Moilicell</a:t>
                      </a:r>
                      <a:r>
                        <a:rPr lang="en-IN" sz="18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4.2 21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RIN 5.8_21700</a:t>
                      </a:r>
                      <a:endParaRPr lang="en-IN" sz="18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28126579"/>
                  </a:ext>
                </a:extLst>
              </a:tr>
              <a:tr h="2363703">
                <a:tc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00036847"/>
                  </a:ext>
                </a:extLst>
              </a:tr>
              <a:tr h="2363703">
                <a:tc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  <a:p>
                      <a:endParaRPr lang="en-IN" dirty="0"/>
                    </a:p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00684526"/>
                  </a:ext>
                </a:extLst>
              </a:tr>
            </a:tbl>
          </a:graphicData>
        </a:graphic>
      </p:graphicFrame>
      <p:pic>
        <p:nvPicPr>
          <p:cNvPr id="6" name="Picture 5">
            <a:extLst>
              <a:ext uri="{FF2B5EF4-FFF2-40B4-BE49-F238E27FC236}">
                <a16:creationId xmlns:a16="http://schemas.microsoft.com/office/drawing/2014/main" id="{87AC5B25-C9E8-409D-A303-85F7E78FED0F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971582" y="1990723"/>
            <a:ext cx="3167177" cy="4109529"/>
          </a:xfrm>
          <a:custGeom>
            <a:avLst/>
            <a:gdLst>
              <a:gd name="connsiteX0" fmla="*/ 0 w 3167177"/>
              <a:gd name="connsiteY0" fmla="*/ 0 h 4109529"/>
              <a:gd name="connsiteX1" fmla="*/ 527863 w 3167177"/>
              <a:gd name="connsiteY1" fmla="*/ 0 h 4109529"/>
              <a:gd name="connsiteX2" fmla="*/ 1087397 w 3167177"/>
              <a:gd name="connsiteY2" fmla="*/ 0 h 4109529"/>
              <a:gd name="connsiteX3" fmla="*/ 1615260 w 3167177"/>
              <a:gd name="connsiteY3" fmla="*/ 0 h 4109529"/>
              <a:gd name="connsiteX4" fmla="*/ 2048108 w 3167177"/>
              <a:gd name="connsiteY4" fmla="*/ 0 h 4109529"/>
              <a:gd name="connsiteX5" fmla="*/ 2639314 w 3167177"/>
              <a:gd name="connsiteY5" fmla="*/ 0 h 4109529"/>
              <a:gd name="connsiteX6" fmla="*/ 3167177 w 3167177"/>
              <a:gd name="connsiteY6" fmla="*/ 0 h 4109529"/>
              <a:gd name="connsiteX7" fmla="*/ 3167177 w 3167177"/>
              <a:gd name="connsiteY7" fmla="*/ 545980 h 4109529"/>
              <a:gd name="connsiteX8" fmla="*/ 3167177 w 3167177"/>
              <a:gd name="connsiteY8" fmla="*/ 1050865 h 4109529"/>
              <a:gd name="connsiteX9" fmla="*/ 3167177 w 3167177"/>
              <a:gd name="connsiteY9" fmla="*/ 1720131 h 4109529"/>
              <a:gd name="connsiteX10" fmla="*/ 3167177 w 3167177"/>
              <a:gd name="connsiteY10" fmla="*/ 2266112 h 4109529"/>
              <a:gd name="connsiteX11" fmla="*/ 3167177 w 3167177"/>
              <a:gd name="connsiteY11" fmla="*/ 2894283 h 4109529"/>
              <a:gd name="connsiteX12" fmla="*/ 3167177 w 3167177"/>
              <a:gd name="connsiteY12" fmla="*/ 3522453 h 4109529"/>
              <a:gd name="connsiteX13" fmla="*/ 3167177 w 3167177"/>
              <a:gd name="connsiteY13" fmla="*/ 4109529 h 4109529"/>
              <a:gd name="connsiteX14" fmla="*/ 2702658 w 3167177"/>
              <a:gd name="connsiteY14" fmla="*/ 4109529 h 4109529"/>
              <a:gd name="connsiteX15" fmla="*/ 2174795 w 3167177"/>
              <a:gd name="connsiteY15" fmla="*/ 4109529 h 4109529"/>
              <a:gd name="connsiteX16" fmla="*/ 1646932 w 3167177"/>
              <a:gd name="connsiteY16" fmla="*/ 4109529 h 4109529"/>
              <a:gd name="connsiteX17" fmla="*/ 1150741 w 3167177"/>
              <a:gd name="connsiteY17" fmla="*/ 4109529 h 4109529"/>
              <a:gd name="connsiteX18" fmla="*/ 559535 w 3167177"/>
              <a:gd name="connsiteY18" fmla="*/ 4109529 h 4109529"/>
              <a:gd name="connsiteX19" fmla="*/ 0 w 3167177"/>
              <a:gd name="connsiteY19" fmla="*/ 4109529 h 4109529"/>
              <a:gd name="connsiteX20" fmla="*/ 0 w 3167177"/>
              <a:gd name="connsiteY20" fmla="*/ 3481358 h 4109529"/>
              <a:gd name="connsiteX21" fmla="*/ 0 w 3167177"/>
              <a:gd name="connsiteY21" fmla="*/ 2853187 h 4109529"/>
              <a:gd name="connsiteX22" fmla="*/ 0 w 3167177"/>
              <a:gd name="connsiteY22" fmla="*/ 2389398 h 4109529"/>
              <a:gd name="connsiteX23" fmla="*/ 0 w 3167177"/>
              <a:gd name="connsiteY23" fmla="*/ 1802322 h 4109529"/>
              <a:gd name="connsiteX24" fmla="*/ 0 w 3167177"/>
              <a:gd name="connsiteY24" fmla="*/ 1174151 h 4109529"/>
              <a:gd name="connsiteX25" fmla="*/ 0 w 3167177"/>
              <a:gd name="connsiteY25" fmla="*/ 628171 h 4109529"/>
              <a:gd name="connsiteX26" fmla="*/ 0 w 3167177"/>
              <a:gd name="connsiteY26" fmla="*/ 0 h 410952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</a:cxnLst>
            <a:rect l="l" t="t" r="r" b="b"/>
            <a:pathLst>
              <a:path w="3167177" h="4109529" fill="none" extrusionOk="0">
                <a:moveTo>
                  <a:pt x="0" y="0"/>
                </a:moveTo>
                <a:cubicBezTo>
                  <a:pt x="157153" y="-48388"/>
                  <a:pt x="339619" y="51488"/>
                  <a:pt x="527863" y="0"/>
                </a:cubicBezTo>
                <a:cubicBezTo>
                  <a:pt x="716107" y="-51488"/>
                  <a:pt x="924409" y="29631"/>
                  <a:pt x="1087397" y="0"/>
                </a:cubicBezTo>
                <a:cubicBezTo>
                  <a:pt x="1250385" y="-29631"/>
                  <a:pt x="1370669" y="40005"/>
                  <a:pt x="1615260" y="0"/>
                </a:cubicBezTo>
                <a:cubicBezTo>
                  <a:pt x="1859851" y="-40005"/>
                  <a:pt x="1884922" y="37832"/>
                  <a:pt x="2048108" y="0"/>
                </a:cubicBezTo>
                <a:cubicBezTo>
                  <a:pt x="2211294" y="-37832"/>
                  <a:pt x="2443213" y="47918"/>
                  <a:pt x="2639314" y="0"/>
                </a:cubicBezTo>
                <a:cubicBezTo>
                  <a:pt x="2835415" y="-47918"/>
                  <a:pt x="2923017" y="37737"/>
                  <a:pt x="3167177" y="0"/>
                </a:cubicBezTo>
                <a:cubicBezTo>
                  <a:pt x="3178291" y="190405"/>
                  <a:pt x="3132240" y="414524"/>
                  <a:pt x="3167177" y="545980"/>
                </a:cubicBezTo>
                <a:cubicBezTo>
                  <a:pt x="3202114" y="677436"/>
                  <a:pt x="3121947" y="863680"/>
                  <a:pt x="3167177" y="1050865"/>
                </a:cubicBezTo>
                <a:cubicBezTo>
                  <a:pt x="3212407" y="1238050"/>
                  <a:pt x="3100452" y="1440182"/>
                  <a:pt x="3167177" y="1720131"/>
                </a:cubicBezTo>
                <a:cubicBezTo>
                  <a:pt x="3233902" y="2000080"/>
                  <a:pt x="3161557" y="2139321"/>
                  <a:pt x="3167177" y="2266112"/>
                </a:cubicBezTo>
                <a:cubicBezTo>
                  <a:pt x="3172797" y="2392903"/>
                  <a:pt x="3147852" y="2598686"/>
                  <a:pt x="3167177" y="2894283"/>
                </a:cubicBezTo>
                <a:cubicBezTo>
                  <a:pt x="3186502" y="3189880"/>
                  <a:pt x="3152303" y="3248839"/>
                  <a:pt x="3167177" y="3522453"/>
                </a:cubicBezTo>
                <a:cubicBezTo>
                  <a:pt x="3182051" y="3796067"/>
                  <a:pt x="3151083" y="3933688"/>
                  <a:pt x="3167177" y="4109529"/>
                </a:cubicBezTo>
                <a:cubicBezTo>
                  <a:pt x="2950835" y="4114285"/>
                  <a:pt x="2896164" y="4098114"/>
                  <a:pt x="2702658" y="4109529"/>
                </a:cubicBezTo>
                <a:cubicBezTo>
                  <a:pt x="2509152" y="4120944"/>
                  <a:pt x="2388330" y="4061174"/>
                  <a:pt x="2174795" y="4109529"/>
                </a:cubicBezTo>
                <a:cubicBezTo>
                  <a:pt x="1961260" y="4157884"/>
                  <a:pt x="1841950" y="4102192"/>
                  <a:pt x="1646932" y="4109529"/>
                </a:cubicBezTo>
                <a:cubicBezTo>
                  <a:pt x="1451914" y="4116866"/>
                  <a:pt x="1371566" y="4054662"/>
                  <a:pt x="1150741" y="4109529"/>
                </a:cubicBezTo>
                <a:cubicBezTo>
                  <a:pt x="929916" y="4164396"/>
                  <a:pt x="736414" y="4038669"/>
                  <a:pt x="559535" y="4109529"/>
                </a:cubicBezTo>
                <a:cubicBezTo>
                  <a:pt x="382656" y="4180389"/>
                  <a:pt x="226795" y="4104065"/>
                  <a:pt x="0" y="4109529"/>
                </a:cubicBezTo>
                <a:cubicBezTo>
                  <a:pt x="-1162" y="3807862"/>
                  <a:pt x="32714" y="3652360"/>
                  <a:pt x="0" y="3481358"/>
                </a:cubicBezTo>
                <a:cubicBezTo>
                  <a:pt x="-32714" y="3310356"/>
                  <a:pt x="63345" y="3149657"/>
                  <a:pt x="0" y="2853187"/>
                </a:cubicBezTo>
                <a:cubicBezTo>
                  <a:pt x="-63345" y="2556717"/>
                  <a:pt x="33596" y="2541866"/>
                  <a:pt x="0" y="2389398"/>
                </a:cubicBezTo>
                <a:cubicBezTo>
                  <a:pt x="-33596" y="2236930"/>
                  <a:pt x="49451" y="1999660"/>
                  <a:pt x="0" y="1802322"/>
                </a:cubicBezTo>
                <a:cubicBezTo>
                  <a:pt x="-49451" y="1604984"/>
                  <a:pt x="15491" y="1380355"/>
                  <a:pt x="0" y="1174151"/>
                </a:cubicBezTo>
                <a:cubicBezTo>
                  <a:pt x="-15491" y="967947"/>
                  <a:pt x="45530" y="890103"/>
                  <a:pt x="0" y="628171"/>
                </a:cubicBezTo>
                <a:cubicBezTo>
                  <a:pt x="-45530" y="366239"/>
                  <a:pt x="39551" y="157350"/>
                  <a:pt x="0" y="0"/>
                </a:cubicBezTo>
                <a:close/>
              </a:path>
              <a:path w="3167177" h="4109529" stroke="0" extrusionOk="0">
                <a:moveTo>
                  <a:pt x="0" y="0"/>
                </a:moveTo>
                <a:cubicBezTo>
                  <a:pt x="213951" y="-6617"/>
                  <a:pt x="283719" y="35268"/>
                  <a:pt x="496191" y="0"/>
                </a:cubicBezTo>
                <a:cubicBezTo>
                  <a:pt x="708663" y="-35268"/>
                  <a:pt x="855055" y="62870"/>
                  <a:pt x="1024054" y="0"/>
                </a:cubicBezTo>
                <a:cubicBezTo>
                  <a:pt x="1193053" y="-62870"/>
                  <a:pt x="1339721" y="50130"/>
                  <a:pt x="1456901" y="0"/>
                </a:cubicBezTo>
                <a:cubicBezTo>
                  <a:pt x="1574081" y="-50130"/>
                  <a:pt x="1758393" y="40248"/>
                  <a:pt x="1984764" y="0"/>
                </a:cubicBezTo>
                <a:cubicBezTo>
                  <a:pt x="2211135" y="-40248"/>
                  <a:pt x="2380731" y="37781"/>
                  <a:pt x="2480955" y="0"/>
                </a:cubicBezTo>
                <a:cubicBezTo>
                  <a:pt x="2581179" y="-37781"/>
                  <a:pt x="2914002" y="40211"/>
                  <a:pt x="3167177" y="0"/>
                </a:cubicBezTo>
                <a:cubicBezTo>
                  <a:pt x="3171957" y="246630"/>
                  <a:pt x="3134676" y="468409"/>
                  <a:pt x="3167177" y="587076"/>
                </a:cubicBezTo>
                <a:cubicBezTo>
                  <a:pt x="3199678" y="705743"/>
                  <a:pt x="3166881" y="983056"/>
                  <a:pt x="3167177" y="1256342"/>
                </a:cubicBezTo>
                <a:cubicBezTo>
                  <a:pt x="3167473" y="1529628"/>
                  <a:pt x="3158338" y="1549870"/>
                  <a:pt x="3167177" y="1761227"/>
                </a:cubicBezTo>
                <a:cubicBezTo>
                  <a:pt x="3176016" y="1972585"/>
                  <a:pt x="3160389" y="2132916"/>
                  <a:pt x="3167177" y="2348302"/>
                </a:cubicBezTo>
                <a:cubicBezTo>
                  <a:pt x="3173965" y="2563689"/>
                  <a:pt x="3106315" y="2786646"/>
                  <a:pt x="3167177" y="2976473"/>
                </a:cubicBezTo>
                <a:cubicBezTo>
                  <a:pt x="3228039" y="3166300"/>
                  <a:pt x="3147844" y="3382711"/>
                  <a:pt x="3167177" y="3522453"/>
                </a:cubicBezTo>
                <a:cubicBezTo>
                  <a:pt x="3186510" y="3662195"/>
                  <a:pt x="3109492" y="3822523"/>
                  <a:pt x="3167177" y="4109529"/>
                </a:cubicBezTo>
                <a:cubicBezTo>
                  <a:pt x="2956821" y="4162056"/>
                  <a:pt x="2761734" y="4073575"/>
                  <a:pt x="2607642" y="4109529"/>
                </a:cubicBezTo>
                <a:cubicBezTo>
                  <a:pt x="2453550" y="4145483"/>
                  <a:pt x="2221429" y="4095474"/>
                  <a:pt x="2111451" y="4109529"/>
                </a:cubicBezTo>
                <a:cubicBezTo>
                  <a:pt x="2001473" y="4123584"/>
                  <a:pt x="1723199" y="4077175"/>
                  <a:pt x="1551917" y="4109529"/>
                </a:cubicBezTo>
                <a:cubicBezTo>
                  <a:pt x="1380635" y="4141883"/>
                  <a:pt x="1157092" y="4090637"/>
                  <a:pt x="1024054" y="4109529"/>
                </a:cubicBezTo>
                <a:cubicBezTo>
                  <a:pt x="891016" y="4128421"/>
                  <a:pt x="589886" y="4054285"/>
                  <a:pt x="464519" y="4109529"/>
                </a:cubicBezTo>
                <a:cubicBezTo>
                  <a:pt x="339153" y="4164773"/>
                  <a:pt x="145823" y="4074079"/>
                  <a:pt x="0" y="4109529"/>
                </a:cubicBezTo>
                <a:cubicBezTo>
                  <a:pt x="-15403" y="3877041"/>
                  <a:pt x="60553" y="3725481"/>
                  <a:pt x="0" y="3522453"/>
                </a:cubicBezTo>
                <a:cubicBezTo>
                  <a:pt x="-60553" y="3319425"/>
                  <a:pt x="27888" y="3273621"/>
                  <a:pt x="0" y="3058664"/>
                </a:cubicBezTo>
                <a:cubicBezTo>
                  <a:pt x="-27888" y="2843707"/>
                  <a:pt x="77838" y="2560531"/>
                  <a:pt x="0" y="2389398"/>
                </a:cubicBezTo>
                <a:cubicBezTo>
                  <a:pt x="-77838" y="2218265"/>
                  <a:pt x="14119" y="2018869"/>
                  <a:pt x="0" y="1843417"/>
                </a:cubicBezTo>
                <a:cubicBezTo>
                  <a:pt x="-14119" y="1667965"/>
                  <a:pt x="67822" y="1358629"/>
                  <a:pt x="0" y="1215246"/>
                </a:cubicBezTo>
                <a:cubicBezTo>
                  <a:pt x="-67822" y="1071863"/>
                  <a:pt x="41984" y="823794"/>
                  <a:pt x="0" y="545980"/>
                </a:cubicBezTo>
                <a:cubicBezTo>
                  <a:pt x="-41984" y="268166"/>
                  <a:pt x="29340" y="176456"/>
                  <a:pt x="0" y="0"/>
                </a:cubicBezTo>
                <a:close/>
              </a:path>
            </a:pathLst>
          </a:custGeom>
          <a:ln>
            <a:solidFill>
              <a:schemeClr val="tx1"/>
            </a:solidFill>
            <a:extLst>
              <a:ext uri="{C807C97D-BFC1-408E-A445-0C87EB9F89A2}">
                <ask:lineSketchStyleProps xmlns:ask="http://schemas.microsoft.com/office/drawing/2018/sketchyshapes" sd="1279028317">
                  <a:prstGeom prst="rect">
                    <a:avLst/>
                  </a:prstGeom>
                  <ask:type>
                    <ask:lineSketchScribble/>
                  </ask:type>
                </ask:lineSketchStyleProps>
              </a:ext>
            </a:extLst>
          </a:ln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2C3CFF74-A858-4614-E51A-6523400167A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324377" y="1984910"/>
            <a:ext cx="3523843" cy="4009490"/>
          </a:xfrm>
          <a:custGeom>
            <a:avLst/>
            <a:gdLst>
              <a:gd name="connsiteX0" fmla="*/ 0 w 3523843"/>
              <a:gd name="connsiteY0" fmla="*/ 0 h 4009490"/>
              <a:gd name="connsiteX1" fmla="*/ 552069 w 3523843"/>
              <a:gd name="connsiteY1" fmla="*/ 0 h 4009490"/>
              <a:gd name="connsiteX2" fmla="*/ 1104137 w 3523843"/>
              <a:gd name="connsiteY2" fmla="*/ 0 h 4009490"/>
              <a:gd name="connsiteX3" fmla="*/ 1726683 w 3523843"/>
              <a:gd name="connsiteY3" fmla="*/ 0 h 4009490"/>
              <a:gd name="connsiteX4" fmla="*/ 2243513 w 3523843"/>
              <a:gd name="connsiteY4" fmla="*/ 0 h 4009490"/>
              <a:gd name="connsiteX5" fmla="*/ 2795582 w 3523843"/>
              <a:gd name="connsiteY5" fmla="*/ 0 h 4009490"/>
              <a:gd name="connsiteX6" fmla="*/ 3523843 w 3523843"/>
              <a:gd name="connsiteY6" fmla="*/ 0 h 4009490"/>
              <a:gd name="connsiteX7" fmla="*/ 3523843 w 3523843"/>
              <a:gd name="connsiteY7" fmla="*/ 612879 h 4009490"/>
              <a:gd name="connsiteX8" fmla="*/ 3523843 w 3523843"/>
              <a:gd name="connsiteY8" fmla="*/ 1185663 h 4009490"/>
              <a:gd name="connsiteX9" fmla="*/ 3523843 w 3523843"/>
              <a:gd name="connsiteY9" fmla="*/ 1798543 h 4009490"/>
              <a:gd name="connsiteX10" fmla="*/ 3523843 w 3523843"/>
              <a:gd name="connsiteY10" fmla="*/ 2291137 h 4009490"/>
              <a:gd name="connsiteX11" fmla="*/ 3523843 w 3523843"/>
              <a:gd name="connsiteY11" fmla="*/ 2743637 h 4009490"/>
              <a:gd name="connsiteX12" fmla="*/ 3523843 w 3523843"/>
              <a:gd name="connsiteY12" fmla="*/ 3276326 h 4009490"/>
              <a:gd name="connsiteX13" fmla="*/ 3523843 w 3523843"/>
              <a:gd name="connsiteY13" fmla="*/ 4009490 h 4009490"/>
              <a:gd name="connsiteX14" fmla="*/ 3007013 w 3523843"/>
              <a:gd name="connsiteY14" fmla="*/ 4009490 h 4009490"/>
              <a:gd name="connsiteX15" fmla="*/ 2454944 w 3523843"/>
              <a:gd name="connsiteY15" fmla="*/ 4009490 h 4009490"/>
              <a:gd name="connsiteX16" fmla="*/ 1832398 w 3523843"/>
              <a:gd name="connsiteY16" fmla="*/ 4009490 h 4009490"/>
              <a:gd name="connsiteX17" fmla="*/ 1245091 w 3523843"/>
              <a:gd name="connsiteY17" fmla="*/ 4009490 h 4009490"/>
              <a:gd name="connsiteX18" fmla="*/ 657784 w 3523843"/>
              <a:gd name="connsiteY18" fmla="*/ 4009490 h 4009490"/>
              <a:gd name="connsiteX19" fmla="*/ 0 w 3523843"/>
              <a:gd name="connsiteY19" fmla="*/ 4009490 h 4009490"/>
              <a:gd name="connsiteX20" fmla="*/ 0 w 3523843"/>
              <a:gd name="connsiteY20" fmla="*/ 3436706 h 4009490"/>
              <a:gd name="connsiteX21" fmla="*/ 0 w 3523843"/>
              <a:gd name="connsiteY21" fmla="*/ 2823827 h 4009490"/>
              <a:gd name="connsiteX22" fmla="*/ 0 w 3523843"/>
              <a:gd name="connsiteY22" fmla="*/ 2170852 h 4009490"/>
              <a:gd name="connsiteX23" fmla="*/ 0 w 3523843"/>
              <a:gd name="connsiteY23" fmla="*/ 1557973 h 4009490"/>
              <a:gd name="connsiteX24" fmla="*/ 0 w 3523843"/>
              <a:gd name="connsiteY24" fmla="*/ 985189 h 4009490"/>
              <a:gd name="connsiteX25" fmla="*/ 0 w 3523843"/>
              <a:gd name="connsiteY25" fmla="*/ 492594 h 4009490"/>
              <a:gd name="connsiteX26" fmla="*/ 0 w 3523843"/>
              <a:gd name="connsiteY26" fmla="*/ 0 h 400949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</a:cxnLst>
            <a:rect l="l" t="t" r="r" b="b"/>
            <a:pathLst>
              <a:path w="3523843" h="4009490" fill="none" extrusionOk="0">
                <a:moveTo>
                  <a:pt x="0" y="0"/>
                </a:moveTo>
                <a:cubicBezTo>
                  <a:pt x="134856" y="-51750"/>
                  <a:pt x="364569" y="6155"/>
                  <a:pt x="552069" y="0"/>
                </a:cubicBezTo>
                <a:cubicBezTo>
                  <a:pt x="739569" y="-6155"/>
                  <a:pt x="855613" y="53566"/>
                  <a:pt x="1104137" y="0"/>
                </a:cubicBezTo>
                <a:cubicBezTo>
                  <a:pt x="1352661" y="-53566"/>
                  <a:pt x="1513245" y="44410"/>
                  <a:pt x="1726683" y="0"/>
                </a:cubicBezTo>
                <a:cubicBezTo>
                  <a:pt x="1940121" y="-44410"/>
                  <a:pt x="2127168" y="58403"/>
                  <a:pt x="2243513" y="0"/>
                </a:cubicBezTo>
                <a:cubicBezTo>
                  <a:pt x="2359858" y="-58403"/>
                  <a:pt x="2614194" y="41158"/>
                  <a:pt x="2795582" y="0"/>
                </a:cubicBezTo>
                <a:cubicBezTo>
                  <a:pt x="2976970" y="-41158"/>
                  <a:pt x="3364693" y="46387"/>
                  <a:pt x="3523843" y="0"/>
                </a:cubicBezTo>
                <a:cubicBezTo>
                  <a:pt x="3577036" y="297452"/>
                  <a:pt x="3478410" y="458347"/>
                  <a:pt x="3523843" y="612879"/>
                </a:cubicBezTo>
                <a:cubicBezTo>
                  <a:pt x="3569276" y="767411"/>
                  <a:pt x="3513818" y="981076"/>
                  <a:pt x="3523843" y="1185663"/>
                </a:cubicBezTo>
                <a:cubicBezTo>
                  <a:pt x="3533868" y="1390250"/>
                  <a:pt x="3474443" y="1646808"/>
                  <a:pt x="3523843" y="1798543"/>
                </a:cubicBezTo>
                <a:cubicBezTo>
                  <a:pt x="3573243" y="1950278"/>
                  <a:pt x="3471260" y="2090317"/>
                  <a:pt x="3523843" y="2291137"/>
                </a:cubicBezTo>
                <a:cubicBezTo>
                  <a:pt x="3576426" y="2491957"/>
                  <a:pt x="3519494" y="2639236"/>
                  <a:pt x="3523843" y="2743637"/>
                </a:cubicBezTo>
                <a:cubicBezTo>
                  <a:pt x="3528192" y="2848038"/>
                  <a:pt x="3486337" y="3109877"/>
                  <a:pt x="3523843" y="3276326"/>
                </a:cubicBezTo>
                <a:cubicBezTo>
                  <a:pt x="3561349" y="3442775"/>
                  <a:pt x="3460907" y="3808859"/>
                  <a:pt x="3523843" y="4009490"/>
                </a:cubicBezTo>
                <a:cubicBezTo>
                  <a:pt x="3381439" y="4065002"/>
                  <a:pt x="3195554" y="3964356"/>
                  <a:pt x="3007013" y="4009490"/>
                </a:cubicBezTo>
                <a:cubicBezTo>
                  <a:pt x="2818472" y="4054624"/>
                  <a:pt x="2652189" y="3951719"/>
                  <a:pt x="2454944" y="4009490"/>
                </a:cubicBezTo>
                <a:cubicBezTo>
                  <a:pt x="2257699" y="4067261"/>
                  <a:pt x="1968352" y="3977813"/>
                  <a:pt x="1832398" y="4009490"/>
                </a:cubicBezTo>
                <a:cubicBezTo>
                  <a:pt x="1696444" y="4041167"/>
                  <a:pt x="1374047" y="3947620"/>
                  <a:pt x="1245091" y="4009490"/>
                </a:cubicBezTo>
                <a:cubicBezTo>
                  <a:pt x="1116135" y="4071360"/>
                  <a:pt x="905172" y="3994033"/>
                  <a:pt x="657784" y="4009490"/>
                </a:cubicBezTo>
                <a:cubicBezTo>
                  <a:pt x="410396" y="4024947"/>
                  <a:pt x="243232" y="3981714"/>
                  <a:pt x="0" y="4009490"/>
                </a:cubicBezTo>
                <a:cubicBezTo>
                  <a:pt x="-17888" y="3749564"/>
                  <a:pt x="33385" y="3709071"/>
                  <a:pt x="0" y="3436706"/>
                </a:cubicBezTo>
                <a:cubicBezTo>
                  <a:pt x="-33385" y="3164341"/>
                  <a:pt x="47858" y="2980806"/>
                  <a:pt x="0" y="2823827"/>
                </a:cubicBezTo>
                <a:cubicBezTo>
                  <a:pt x="-47858" y="2666848"/>
                  <a:pt x="25419" y="2485082"/>
                  <a:pt x="0" y="2170852"/>
                </a:cubicBezTo>
                <a:cubicBezTo>
                  <a:pt x="-25419" y="1856622"/>
                  <a:pt x="31386" y="1685708"/>
                  <a:pt x="0" y="1557973"/>
                </a:cubicBezTo>
                <a:cubicBezTo>
                  <a:pt x="-31386" y="1430238"/>
                  <a:pt x="17631" y="1261698"/>
                  <a:pt x="0" y="985189"/>
                </a:cubicBezTo>
                <a:cubicBezTo>
                  <a:pt x="-17631" y="708680"/>
                  <a:pt x="43006" y="672422"/>
                  <a:pt x="0" y="492594"/>
                </a:cubicBezTo>
                <a:cubicBezTo>
                  <a:pt x="-43006" y="312767"/>
                  <a:pt x="38895" y="117808"/>
                  <a:pt x="0" y="0"/>
                </a:cubicBezTo>
                <a:close/>
              </a:path>
              <a:path w="3523843" h="4009490" stroke="0" extrusionOk="0">
                <a:moveTo>
                  <a:pt x="0" y="0"/>
                </a:moveTo>
                <a:cubicBezTo>
                  <a:pt x="208592" y="-11015"/>
                  <a:pt x="353557" y="14629"/>
                  <a:pt x="516830" y="0"/>
                </a:cubicBezTo>
                <a:cubicBezTo>
                  <a:pt x="680103" y="-14629"/>
                  <a:pt x="929683" y="56135"/>
                  <a:pt x="1104137" y="0"/>
                </a:cubicBezTo>
                <a:cubicBezTo>
                  <a:pt x="1278591" y="-56135"/>
                  <a:pt x="1419505" y="69922"/>
                  <a:pt x="1691445" y="0"/>
                </a:cubicBezTo>
                <a:cubicBezTo>
                  <a:pt x="1963385" y="-69922"/>
                  <a:pt x="1970354" y="33158"/>
                  <a:pt x="2173037" y="0"/>
                </a:cubicBezTo>
                <a:cubicBezTo>
                  <a:pt x="2375720" y="-33158"/>
                  <a:pt x="2514562" y="35268"/>
                  <a:pt x="2689867" y="0"/>
                </a:cubicBezTo>
                <a:cubicBezTo>
                  <a:pt x="2865172" y="-35268"/>
                  <a:pt x="3171774" y="58212"/>
                  <a:pt x="3523843" y="0"/>
                </a:cubicBezTo>
                <a:cubicBezTo>
                  <a:pt x="3561626" y="113966"/>
                  <a:pt x="3514537" y="320151"/>
                  <a:pt x="3523843" y="492594"/>
                </a:cubicBezTo>
                <a:cubicBezTo>
                  <a:pt x="3533149" y="665037"/>
                  <a:pt x="3483886" y="758855"/>
                  <a:pt x="3523843" y="985189"/>
                </a:cubicBezTo>
                <a:cubicBezTo>
                  <a:pt x="3563800" y="1211523"/>
                  <a:pt x="3522290" y="1368694"/>
                  <a:pt x="3523843" y="1557973"/>
                </a:cubicBezTo>
                <a:cubicBezTo>
                  <a:pt x="3525396" y="1747252"/>
                  <a:pt x="3502520" y="1917213"/>
                  <a:pt x="3523843" y="2010473"/>
                </a:cubicBezTo>
                <a:cubicBezTo>
                  <a:pt x="3545166" y="2103733"/>
                  <a:pt x="3486597" y="2300155"/>
                  <a:pt x="3523843" y="2543162"/>
                </a:cubicBezTo>
                <a:cubicBezTo>
                  <a:pt x="3561089" y="2786169"/>
                  <a:pt x="3511731" y="2889515"/>
                  <a:pt x="3523843" y="2995662"/>
                </a:cubicBezTo>
                <a:cubicBezTo>
                  <a:pt x="3535955" y="3101809"/>
                  <a:pt x="3469721" y="3363669"/>
                  <a:pt x="3523843" y="3488256"/>
                </a:cubicBezTo>
                <a:cubicBezTo>
                  <a:pt x="3577965" y="3612843"/>
                  <a:pt x="3500880" y="3880314"/>
                  <a:pt x="3523843" y="4009490"/>
                </a:cubicBezTo>
                <a:cubicBezTo>
                  <a:pt x="3342285" y="4027675"/>
                  <a:pt x="3110249" y="3989403"/>
                  <a:pt x="2901297" y="4009490"/>
                </a:cubicBezTo>
                <a:cubicBezTo>
                  <a:pt x="2692345" y="4029577"/>
                  <a:pt x="2588393" y="3958260"/>
                  <a:pt x="2384467" y="4009490"/>
                </a:cubicBezTo>
                <a:cubicBezTo>
                  <a:pt x="2180541" y="4060720"/>
                  <a:pt x="2056003" y="3992138"/>
                  <a:pt x="1761922" y="4009490"/>
                </a:cubicBezTo>
                <a:cubicBezTo>
                  <a:pt x="1467841" y="4026842"/>
                  <a:pt x="1306995" y="3993279"/>
                  <a:pt x="1174614" y="4009490"/>
                </a:cubicBezTo>
                <a:cubicBezTo>
                  <a:pt x="1042233" y="4025701"/>
                  <a:pt x="837853" y="3968635"/>
                  <a:pt x="622546" y="4009490"/>
                </a:cubicBezTo>
                <a:cubicBezTo>
                  <a:pt x="407239" y="4050345"/>
                  <a:pt x="253507" y="3954827"/>
                  <a:pt x="0" y="4009490"/>
                </a:cubicBezTo>
                <a:cubicBezTo>
                  <a:pt x="-46083" y="3830380"/>
                  <a:pt x="33862" y="3642751"/>
                  <a:pt x="0" y="3516896"/>
                </a:cubicBezTo>
                <a:cubicBezTo>
                  <a:pt x="-33862" y="3391041"/>
                  <a:pt x="23577" y="3167151"/>
                  <a:pt x="0" y="2944111"/>
                </a:cubicBezTo>
                <a:cubicBezTo>
                  <a:pt x="-23577" y="2721072"/>
                  <a:pt x="9815" y="2574004"/>
                  <a:pt x="0" y="2371327"/>
                </a:cubicBezTo>
                <a:cubicBezTo>
                  <a:pt x="-9815" y="2168650"/>
                  <a:pt x="28053" y="2040212"/>
                  <a:pt x="0" y="1878732"/>
                </a:cubicBezTo>
                <a:cubicBezTo>
                  <a:pt x="-28053" y="1717253"/>
                  <a:pt x="11651" y="1601054"/>
                  <a:pt x="0" y="1426233"/>
                </a:cubicBezTo>
                <a:cubicBezTo>
                  <a:pt x="-11651" y="1251412"/>
                  <a:pt x="7319" y="1090388"/>
                  <a:pt x="0" y="933638"/>
                </a:cubicBezTo>
                <a:cubicBezTo>
                  <a:pt x="-7319" y="776888"/>
                  <a:pt x="104554" y="305720"/>
                  <a:pt x="0" y="0"/>
                </a:cubicBezTo>
                <a:close/>
              </a:path>
            </a:pathLst>
          </a:custGeom>
          <a:ln>
            <a:solidFill>
              <a:schemeClr val="tx1"/>
            </a:solidFill>
            <a:extLst>
              <a:ext uri="{C807C97D-BFC1-408E-A445-0C87EB9F89A2}">
                <ask:lineSketchStyleProps xmlns:ask="http://schemas.microsoft.com/office/drawing/2018/sketchyshapes" sd="623779170">
                  <a:prstGeom prst="rect">
                    <a:avLst/>
                  </a:prstGeom>
                  <ask:type>
                    <ask:lineSketchScribble/>
                  </ask:type>
                </ask:lineSketchStyleProps>
              </a:ext>
            </a:extLst>
          </a:ln>
        </p:spPr>
      </p:pic>
      <p:sp>
        <p:nvSpPr>
          <p:cNvPr id="2" name="Title 3">
            <a:extLst>
              <a:ext uri="{FF2B5EF4-FFF2-40B4-BE49-F238E27FC236}">
                <a16:creationId xmlns:a16="http://schemas.microsoft.com/office/drawing/2014/main" id="{4003E300-5EEB-98A3-6DE8-6A45D5DAE253}"/>
              </a:ext>
            </a:extLst>
          </p:cNvPr>
          <p:cNvSpPr txBox="1">
            <a:spLocks/>
          </p:cNvSpPr>
          <p:nvPr/>
        </p:nvSpPr>
        <p:spPr>
          <a:xfrm>
            <a:off x="1937568" y="125304"/>
            <a:ext cx="8315141" cy="501015"/>
          </a:xfrm>
          <a:prstGeom prst="homePlate">
            <a:avLst>
              <a:gd name="adj" fmla="val 110000"/>
            </a:avLst>
          </a:prstGeom>
          <a:solidFill>
            <a:srgbClr val="F8CBAD"/>
          </a:solidFill>
        </p:spPr>
        <p:txBody>
          <a:bodyPr vert="horz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Gotham" pitchFamily="50" charset="0"/>
                <a:ea typeface="+mj-ea"/>
                <a:cs typeface="+mj-cs"/>
              </a:defRPr>
            </a:lvl1pPr>
          </a:lstStyle>
          <a:p>
            <a:pPr>
              <a:lnSpc>
                <a:spcPct val="100000"/>
              </a:lnSpc>
            </a:pPr>
            <a:r>
              <a:rPr lang="en-IN" sz="2800" b="1" dirty="0"/>
              <a:t>Anode Tab Design: Overall comparison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6C7768B5-9297-30D0-2B77-D76EB9D1E186}"/>
              </a:ext>
            </a:extLst>
          </p:cNvPr>
          <p:cNvSpPr txBox="1"/>
          <p:nvPr/>
        </p:nvSpPr>
        <p:spPr>
          <a:xfrm>
            <a:off x="1587202" y="2031164"/>
            <a:ext cx="1666680" cy="646331"/>
          </a:xfrm>
          <a:custGeom>
            <a:avLst/>
            <a:gdLst>
              <a:gd name="connsiteX0" fmla="*/ 0 w 1666680"/>
              <a:gd name="connsiteY0" fmla="*/ 0 h 646331"/>
              <a:gd name="connsiteX1" fmla="*/ 522226 w 1666680"/>
              <a:gd name="connsiteY1" fmla="*/ 0 h 646331"/>
              <a:gd name="connsiteX2" fmla="*/ 1044453 w 1666680"/>
              <a:gd name="connsiteY2" fmla="*/ 0 h 646331"/>
              <a:gd name="connsiteX3" fmla="*/ 1666680 w 1666680"/>
              <a:gd name="connsiteY3" fmla="*/ 0 h 646331"/>
              <a:gd name="connsiteX4" fmla="*/ 1666680 w 1666680"/>
              <a:gd name="connsiteY4" fmla="*/ 336092 h 646331"/>
              <a:gd name="connsiteX5" fmla="*/ 1666680 w 1666680"/>
              <a:gd name="connsiteY5" fmla="*/ 646331 h 646331"/>
              <a:gd name="connsiteX6" fmla="*/ 1077786 w 1666680"/>
              <a:gd name="connsiteY6" fmla="*/ 646331 h 646331"/>
              <a:gd name="connsiteX7" fmla="*/ 572227 w 1666680"/>
              <a:gd name="connsiteY7" fmla="*/ 646331 h 646331"/>
              <a:gd name="connsiteX8" fmla="*/ 0 w 1666680"/>
              <a:gd name="connsiteY8" fmla="*/ 646331 h 646331"/>
              <a:gd name="connsiteX9" fmla="*/ 0 w 1666680"/>
              <a:gd name="connsiteY9" fmla="*/ 310239 h 646331"/>
              <a:gd name="connsiteX10" fmla="*/ 0 w 1666680"/>
              <a:gd name="connsiteY10" fmla="*/ 0 h 64633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</a:cxnLst>
            <a:rect l="l" t="t" r="r" b="b"/>
            <a:pathLst>
              <a:path w="1666680" h="646331" fill="none" extrusionOk="0">
                <a:moveTo>
                  <a:pt x="0" y="0"/>
                </a:moveTo>
                <a:cubicBezTo>
                  <a:pt x="162532" y="-43007"/>
                  <a:pt x="279443" y="38583"/>
                  <a:pt x="522226" y="0"/>
                </a:cubicBezTo>
                <a:cubicBezTo>
                  <a:pt x="765009" y="-38583"/>
                  <a:pt x="806947" y="45302"/>
                  <a:pt x="1044453" y="0"/>
                </a:cubicBezTo>
                <a:cubicBezTo>
                  <a:pt x="1281959" y="-45302"/>
                  <a:pt x="1496234" y="6289"/>
                  <a:pt x="1666680" y="0"/>
                </a:cubicBezTo>
                <a:cubicBezTo>
                  <a:pt x="1670851" y="114314"/>
                  <a:pt x="1654155" y="260985"/>
                  <a:pt x="1666680" y="336092"/>
                </a:cubicBezTo>
                <a:cubicBezTo>
                  <a:pt x="1679205" y="411199"/>
                  <a:pt x="1637545" y="548677"/>
                  <a:pt x="1666680" y="646331"/>
                </a:cubicBezTo>
                <a:cubicBezTo>
                  <a:pt x="1402598" y="712197"/>
                  <a:pt x="1349675" y="597279"/>
                  <a:pt x="1077786" y="646331"/>
                </a:cubicBezTo>
                <a:cubicBezTo>
                  <a:pt x="805897" y="695383"/>
                  <a:pt x="738652" y="632322"/>
                  <a:pt x="572227" y="646331"/>
                </a:cubicBezTo>
                <a:cubicBezTo>
                  <a:pt x="405802" y="660340"/>
                  <a:pt x="190700" y="635354"/>
                  <a:pt x="0" y="646331"/>
                </a:cubicBezTo>
                <a:cubicBezTo>
                  <a:pt x="-1521" y="506085"/>
                  <a:pt x="6094" y="457677"/>
                  <a:pt x="0" y="310239"/>
                </a:cubicBezTo>
                <a:cubicBezTo>
                  <a:pt x="-6094" y="162801"/>
                  <a:pt x="19029" y="123625"/>
                  <a:pt x="0" y="0"/>
                </a:cubicBezTo>
                <a:close/>
              </a:path>
              <a:path w="1666680" h="646331" stroke="0" extrusionOk="0">
                <a:moveTo>
                  <a:pt x="0" y="0"/>
                </a:moveTo>
                <a:cubicBezTo>
                  <a:pt x="221029" y="-26858"/>
                  <a:pt x="359150" y="65182"/>
                  <a:pt x="555560" y="0"/>
                </a:cubicBezTo>
                <a:cubicBezTo>
                  <a:pt x="751970" y="-65182"/>
                  <a:pt x="904362" y="5723"/>
                  <a:pt x="1094453" y="0"/>
                </a:cubicBezTo>
                <a:cubicBezTo>
                  <a:pt x="1284544" y="-5723"/>
                  <a:pt x="1524039" y="56952"/>
                  <a:pt x="1666680" y="0"/>
                </a:cubicBezTo>
                <a:cubicBezTo>
                  <a:pt x="1680822" y="139544"/>
                  <a:pt x="1636467" y="220715"/>
                  <a:pt x="1666680" y="303776"/>
                </a:cubicBezTo>
                <a:cubicBezTo>
                  <a:pt x="1696893" y="386837"/>
                  <a:pt x="1638763" y="481784"/>
                  <a:pt x="1666680" y="646331"/>
                </a:cubicBezTo>
                <a:cubicBezTo>
                  <a:pt x="1532582" y="664700"/>
                  <a:pt x="1345301" y="615034"/>
                  <a:pt x="1144454" y="646331"/>
                </a:cubicBezTo>
                <a:cubicBezTo>
                  <a:pt x="943607" y="677628"/>
                  <a:pt x="840880" y="624740"/>
                  <a:pt x="588894" y="646331"/>
                </a:cubicBezTo>
                <a:cubicBezTo>
                  <a:pt x="336908" y="667922"/>
                  <a:pt x="147005" y="626792"/>
                  <a:pt x="0" y="646331"/>
                </a:cubicBezTo>
                <a:cubicBezTo>
                  <a:pt x="-11022" y="573581"/>
                  <a:pt x="30202" y="467533"/>
                  <a:pt x="0" y="316702"/>
                </a:cubicBezTo>
                <a:cubicBezTo>
                  <a:pt x="-30202" y="165871"/>
                  <a:pt x="11776" y="98599"/>
                  <a:pt x="0" y="0"/>
                </a:cubicBezTo>
                <a:close/>
              </a:path>
            </a:pathLst>
          </a:custGeom>
          <a:solidFill>
            <a:schemeClr val="bg1"/>
          </a:solidFill>
          <a:ln>
            <a:solidFill>
              <a:schemeClr val="tx1"/>
            </a:solidFill>
            <a:extLst>
              <a:ext uri="{C807C97D-BFC1-408E-A445-0C87EB9F89A2}">
                <ask:lineSketchStyleProps xmlns:ask="http://schemas.microsoft.com/office/drawing/2018/sketchyshapes" sd="2733830327">
                  <a:prstGeom prst="rect">
                    <a:avLst/>
                  </a:prstGeom>
                  <ask:type>
                    <ask:lineSketchScribble/>
                  </ask:type>
                </ask:lineSketchStyleProps>
              </a:ext>
            </a:extLst>
          </a:ln>
        </p:spPr>
        <p:txBody>
          <a:bodyPr wrap="square" rtlCol="0">
            <a:spAutoFit/>
          </a:bodyPr>
          <a:lstStyle/>
          <a:p>
            <a:r>
              <a:rPr lang="en-US" dirty="0"/>
              <a:t>Sample </a:t>
            </a:r>
          </a:p>
          <a:p>
            <a:r>
              <a:rPr lang="en-US" dirty="0"/>
              <a:t>(Mandrel Side)</a:t>
            </a:r>
            <a:endParaRPr lang="en-IN" dirty="0"/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525D42C6-0963-A084-042F-59E4409CCF8C}"/>
              </a:ext>
            </a:extLst>
          </p:cNvPr>
          <p:cNvSpPr txBox="1"/>
          <p:nvPr/>
        </p:nvSpPr>
        <p:spPr>
          <a:xfrm>
            <a:off x="10478678" y="2031164"/>
            <a:ext cx="1162282" cy="646331"/>
          </a:xfrm>
          <a:custGeom>
            <a:avLst/>
            <a:gdLst>
              <a:gd name="connsiteX0" fmla="*/ 0 w 1162282"/>
              <a:gd name="connsiteY0" fmla="*/ 0 h 646331"/>
              <a:gd name="connsiteX1" fmla="*/ 557895 w 1162282"/>
              <a:gd name="connsiteY1" fmla="*/ 0 h 646331"/>
              <a:gd name="connsiteX2" fmla="*/ 1162282 w 1162282"/>
              <a:gd name="connsiteY2" fmla="*/ 0 h 646331"/>
              <a:gd name="connsiteX3" fmla="*/ 1162282 w 1162282"/>
              <a:gd name="connsiteY3" fmla="*/ 310239 h 646331"/>
              <a:gd name="connsiteX4" fmla="*/ 1162282 w 1162282"/>
              <a:gd name="connsiteY4" fmla="*/ 646331 h 646331"/>
              <a:gd name="connsiteX5" fmla="*/ 581141 w 1162282"/>
              <a:gd name="connsiteY5" fmla="*/ 646331 h 646331"/>
              <a:gd name="connsiteX6" fmla="*/ 0 w 1162282"/>
              <a:gd name="connsiteY6" fmla="*/ 646331 h 646331"/>
              <a:gd name="connsiteX7" fmla="*/ 0 w 1162282"/>
              <a:gd name="connsiteY7" fmla="*/ 316702 h 646331"/>
              <a:gd name="connsiteX8" fmla="*/ 0 w 1162282"/>
              <a:gd name="connsiteY8" fmla="*/ 0 h 64633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62282" h="646331" fill="none" extrusionOk="0">
                <a:moveTo>
                  <a:pt x="0" y="0"/>
                </a:moveTo>
                <a:cubicBezTo>
                  <a:pt x="156493" y="-11922"/>
                  <a:pt x="444940" y="13085"/>
                  <a:pt x="557895" y="0"/>
                </a:cubicBezTo>
                <a:cubicBezTo>
                  <a:pt x="670851" y="-13085"/>
                  <a:pt x="1004798" y="40464"/>
                  <a:pt x="1162282" y="0"/>
                </a:cubicBezTo>
                <a:cubicBezTo>
                  <a:pt x="1174618" y="86924"/>
                  <a:pt x="1144831" y="193264"/>
                  <a:pt x="1162282" y="310239"/>
                </a:cubicBezTo>
                <a:cubicBezTo>
                  <a:pt x="1179733" y="427214"/>
                  <a:pt x="1155384" y="573177"/>
                  <a:pt x="1162282" y="646331"/>
                </a:cubicBezTo>
                <a:cubicBezTo>
                  <a:pt x="939259" y="652941"/>
                  <a:pt x="844794" y="632158"/>
                  <a:pt x="581141" y="646331"/>
                </a:cubicBezTo>
                <a:cubicBezTo>
                  <a:pt x="317488" y="660504"/>
                  <a:pt x="130958" y="598059"/>
                  <a:pt x="0" y="646331"/>
                </a:cubicBezTo>
                <a:cubicBezTo>
                  <a:pt x="-5230" y="505288"/>
                  <a:pt x="12017" y="452888"/>
                  <a:pt x="0" y="316702"/>
                </a:cubicBezTo>
                <a:cubicBezTo>
                  <a:pt x="-12017" y="180516"/>
                  <a:pt x="12430" y="81570"/>
                  <a:pt x="0" y="0"/>
                </a:cubicBezTo>
                <a:close/>
              </a:path>
              <a:path w="1162282" h="646331" stroke="0" extrusionOk="0">
                <a:moveTo>
                  <a:pt x="0" y="0"/>
                </a:moveTo>
                <a:cubicBezTo>
                  <a:pt x="267374" y="-32376"/>
                  <a:pt x="398305" y="25776"/>
                  <a:pt x="546273" y="0"/>
                </a:cubicBezTo>
                <a:cubicBezTo>
                  <a:pt x="694241" y="-25776"/>
                  <a:pt x="956644" y="63230"/>
                  <a:pt x="1162282" y="0"/>
                </a:cubicBezTo>
                <a:cubicBezTo>
                  <a:pt x="1184383" y="154913"/>
                  <a:pt x="1158801" y="237997"/>
                  <a:pt x="1162282" y="316702"/>
                </a:cubicBezTo>
                <a:cubicBezTo>
                  <a:pt x="1165763" y="395407"/>
                  <a:pt x="1157844" y="518971"/>
                  <a:pt x="1162282" y="646331"/>
                </a:cubicBezTo>
                <a:cubicBezTo>
                  <a:pt x="1003532" y="660744"/>
                  <a:pt x="793232" y="620170"/>
                  <a:pt x="592764" y="646331"/>
                </a:cubicBezTo>
                <a:cubicBezTo>
                  <a:pt x="392296" y="672492"/>
                  <a:pt x="122035" y="578326"/>
                  <a:pt x="0" y="646331"/>
                </a:cubicBezTo>
                <a:cubicBezTo>
                  <a:pt x="-29499" y="561170"/>
                  <a:pt x="21015" y="414550"/>
                  <a:pt x="0" y="323166"/>
                </a:cubicBezTo>
                <a:cubicBezTo>
                  <a:pt x="-21015" y="231782"/>
                  <a:pt x="35400" y="105290"/>
                  <a:pt x="0" y="0"/>
                </a:cubicBezTo>
                <a:close/>
              </a:path>
            </a:pathLst>
          </a:custGeom>
          <a:solidFill>
            <a:schemeClr val="bg1"/>
          </a:solidFill>
          <a:ln>
            <a:solidFill>
              <a:schemeClr val="tx1"/>
            </a:solidFill>
            <a:extLst>
              <a:ext uri="{C807C97D-BFC1-408E-A445-0C87EB9F89A2}">
                <ask:lineSketchStyleProps xmlns:ask="http://schemas.microsoft.com/office/drawing/2018/sketchyshapes" sd="3565403427">
                  <a:prstGeom prst="rect">
                    <a:avLst/>
                  </a:prstGeom>
                  <ask:type>
                    <ask:lineSketchScribble/>
                  </ask:type>
                </ask:lineSketchStyleProps>
              </a:ext>
            </a:extLst>
          </a:ln>
        </p:spPr>
        <p:txBody>
          <a:bodyPr wrap="square" rtlCol="0">
            <a:spAutoFit/>
          </a:bodyPr>
          <a:lstStyle/>
          <a:p>
            <a:r>
              <a:rPr lang="en-US" dirty="0"/>
              <a:t>Sample </a:t>
            </a:r>
          </a:p>
          <a:p>
            <a:r>
              <a:rPr lang="en-US" dirty="0"/>
              <a:t>(End Side)</a:t>
            </a:r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3346335237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D5AEA647-6828-F20A-FE12-DBF7E6C44A7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73581702"/>
              </p:ext>
            </p:extLst>
          </p:nvPr>
        </p:nvGraphicFramePr>
        <p:xfrm>
          <a:off x="313916" y="1202482"/>
          <a:ext cx="11562444" cy="5009862"/>
        </p:xfrm>
        <a:graphic>
          <a:graphicData uri="http://schemas.openxmlformats.org/drawingml/2006/table">
            <a:tbl>
              <a:tblPr/>
              <a:tblGrid>
                <a:gridCol w="2224622">
                  <a:extLst>
                    <a:ext uri="{9D8B030D-6E8A-4147-A177-3AD203B41FA5}">
                      <a16:colId xmlns:a16="http://schemas.microsoft.com/office/drawing/2014/main" val="147369346"/>
                    </a:ext>
                  </a:extLst>
                </a:gridCol>
                <a:gridCol w="1385036">
                  <a:extLst>
                    <a:ext uri="{9D8B030D-6E8A-4147-A177-3AD203B41FA5}">
                      <a16:colId xmlns:a16="http://schemas.microsoft.com/office/drawing/2014/main" val="2117802531"/>
                    </a:ext>
                  </a:extLst>
                </a:gridCol>
                <a:gridCol w="1485563">
                  <a:extLst>
                    <a:ext uri="{9D8B030D-6E8A-4147-A177-3AD203B41FA5}">
                      <a16:colId xmlns:a16="http://schemas.microsoft.com/office/drawing/2014/main" val="132688502"/>
                    </a:ext>
                  </a:extLst>
                </a:gridCol>
                <a:gridCol w="1329188">
                  <a:extLst>
                    <a:ext uri="{9D8B030D-6E8A-4147-A177-3AD203B41FA5}">
                      <a16:colId xmlns:a16="http://schemas.microsoft.com/office/drawing/2014/main" val="2596745167"/>
                    </a:ext>
                  </a:extLst>
                </a:gridCol>
                <a:gridCol w="1251000">
                  <a:extLst>
                    <a:ext uri="{9D8B030D-6E8A-4147-A177-3AD203B41FA5}">
                      <a16:colId xmlns:a16="http://schemas.microsoft.com/office/drawing/2014/main" val="867410747"/>
                    </a:ext>
                  </a:extLst>
                </a:gridCol>
                <a:gridCol w="1568105">
                  <a:extLst>
                    <a:ext uri="{9D8B030D-6E8A-4147-A177-3AD203B41FA5}">
                      <a16:colId xmlns:a16="http://schemas.microsoft.com/office/drawing/2014/main" val="3501595121"/>
                    </a:ext>
                  </a:extLst>
                </a:gridCol>
                <a:gridCol w="1159465">
                  <a:extLst>
                    <a:ext uri="{9D8B030D-6E8A-4147-A177-3AD203B41FA5}">
                      <a16:colId xmlns:a16="http://schemas.microsoft.com/office/drawing/2014/main" val="1644856517"/>
                    </a:ext>
                  </a:extLst>
                </a:gridCol>
                <a:gridCol w="1159465">
                  <a:extLst>
                    <a:ext uri="{9D8B030D-6E8A-4147-A177-3AD203B41FA5}">
                      <a16:colId xmlns:a16="http://schemas.microsoft.com/office/drawing/2014/main" val="818462186"/>
                    </a:ext>
                  </a:extLst>
                </a:gridCol>
              </a:tblGrid>
              <a:tr h="357574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000" b="1" i="0" u="none" strike="noStrike">
                          <a:solidFill>
                            <a:srgbClr val="FF0000"/>
                          </a:solidFill>
                          <a:effectLst/>
                          <a:latin typeface="Trebuchet MS" panose="020B0603020202020204" pitchFamily="34" charset="0"/>
                        </a:rPr>
                        <a:t>Overall Cell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7E6E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IN" dirty="0">
                          <a:solidFill>
                            <a:schemeClr val="tx1"/>
                          </a:solidFill>
                        </a:rPr>
                        <a:t>BAK 5.5_ 21700</a:t>
                      </a:r>
                    </a:p>
                  </a:txBody>
                  <a:tcPr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800" b="0" i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4</a:t>
                      </a:r>
                      <a:r>
                        <a:rPr lang="en-IN" sz="1800" b="0" i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680 Gen2</a:t>
                      </a:r>
                    </a:p>
                  </a:txBody>
                  <a:tcPr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800" b="0" i="0" u="none" strike="noStrike" cap="none" spc="0" dirty="0" err="1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Blivex</a:t>
                      </a:r>
                      <a:r>
                        <a:rPr lang="en-US" sz="1800" b="0" i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 32700</a:t>
                      </a:r>
                      <a:endParaRPr lang="en-IN" sz="18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b="0" i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CBAK 32140</a:t>
                      </a:r>
                      <a:endParaRPr lang="en-IN" sz="18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800" b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EVE 5.0_21700</a:t>
                      </a:r>
                      <a:endParaRPr lang="en-IN" sz="18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800" b="0" u="none" strike="noStrike" cap="none" spc="0" dirty="0" err="1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Moilicell</a:t>
                      </a:r>
                      <a:r>
                        <a:rPr lang="en-IN" sz="1800" b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 4.2 21700</a:t>
                      </a:r>
                      <a:endParaRPr lang="en-IN" sz="18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b="0" i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RIN 5.8_21700</a:t>
                      </a:r>
                      <a:endParaRPr lang="en-IN" sz="18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54315640"/>
                  </a:ext>
                </a:extLst>
              </a:tr>
              <a:tr h="357574"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Jelly roll </a:t>
                      </a:r>
                      <a:r>
                        <a:rPr lang="en-US" sz="10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dia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 (at middle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99410546"/>
                  </a:ext>
                </a:extLst>
              </a:tr>
              <a:tr h="357574"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Jelly roll dia (at cathdoe side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21840523"/>
                  </a:ext>
                </a:extLst>
              </a:tr>
              <a:tr h="357574"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Jelly roll </a:t>
                      </a:r>
                      <a:r>
                        <a:rPr lang="en-US" sz="10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dia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 (Anode side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48648072"/>
                  </a:ext>
                </a:extLst>
              </a:tr>
              <a:tr h="453500"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Jelly roll length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230897891"/>
                  </a:ext>
                </a:extLst>
              </a:tr>
              <a:tr h="536362"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Length of tape attached (with separator/Cu-foil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94866100"/>
                  </a:ext>
                </a:extLst>
              </a:tr>
              <a:tr h="536362"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Width of tape attached (with separator/Cu-foil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65858759"/>
                  </a:ext>
                </a:extLst>
              </a:tr>
              <a:tr h="536362"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Mandrel inner dia, mm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13831972"/>
                  </a:ext>
                </a:extLst>
              </a:tr>
              <a:tr h="324466"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JR Volume( ml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52351394"/>
                  </a:ext>
                </a:extLst>
              </a:tr>
              <a:tr h="324466"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Cell Volume (ml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60703774"/>
                  </a:ext>
                </a:extLst>
              </a:tr>
              <a:tr h="311222"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% of free spac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34190458"/>
                  </a:ext>
                </a:extLst>
              </a:tr>
            </a:tbl>
          </a:graphicData>
        </a:graphic>
      </p:graphicFrame>
      <p:sp>
        <p:nvSpPr>
          <p:cNvPr id="2" name="Title 3">
            <a:extLst>
              <a:ext uri="{FF2B5EF4-FFF2-40B4-BE49-F238E27FC236}">
                <a16:creationId xmlns:a16="http://schemas.microsoft.com/office/drawing/2014/main" id="{B0D2E178-8F44-ABC3-E56C-F77A4B483EF0}"/>
              </a:ext>
            </a:extLst>
          </p:cNvPr>
          <p:cNvSpPr txBox="1">
            <a:spLocks/>
          </p:cNvSpPr>
          <p:nvPr/>
        </p:nvSpPr>
        <p:spPr>
          <a:xfrm>
            <a:off x="1937568" y="125304"/>
            <a:ext cx="8315141" cy="501015"/>
          </a:xfrm>
          <a:prstGeom prst="homePlate">
            <a:avLst>
              <a:gd name="adj" fmla="val 110000"/>
            </a:avLst>
          </a:prstGeom>
          <a:solidFill>
            <a:srgbClr val="F8CBAD"/>
          </a:solidFill>
        </p:spPr>
        <p:txBody>
          <a:bodyPr vert="horz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Gotham" pitchFamily="50" charset="0"/>
                <a:ea typeface="+mj-ea"/>
                <a:cs typeface="+mj-cs"/>
              </a:defRPr>
            </a:lvl1pPr>
          </a:lstStyle>
          <a:p>
            <a:pPr>
              <a:lnSpc>
                <a:spcPct val="100000"/>
              </a:lnSpc>
            </a:pPr>
            <a:r>
              <a:rPr lang="en-IN" sz="2800" b="1" dirty="0"/>
              <a:t>Jelly Roll Design: Overall comparison</a:t>
            </a:r>
          </a:p>
        </p:txBody>
      </p:sp>
    </p:spTree>
    <p:extLst>
      <p:ext uri="{BB962C8B-B14F-4D97-AF65-F5344CB8AC3E}">
        <p14:creationId xmlns:p14="http://schemas.microsoft.com/office/powerpoint/2010/main" val="2642081702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8972CFE-5F71-CCE2-B4D8-2C1E6E99B383}"/>
              </a:ext>
            </a:extLst>
          </p:cNvPr>
          <p:cNvSpPr txBox="1"/>
          <p:nvPr/>
        </p:nvSpPr>
        <p:spPr>
          <a:xfrm>
            <a:off x="1665514" y="1121229"/>
            <a:ext cx="8294915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u="sng" dirty="0"/>
              <a:t>Parts analysis of cylindrical cells</a:t>
            </a:r>
            <a:endParaRPr lang="en-IN" sz="2400" b="1" u="sng" dirty="0"/>
          </a:p>
        </p:txBody>
      </p:sp>
    </p:spTree>
    <p:extLst>
      <p:ext uri="{BB962C8B-B14F-4D97-AF65-F5344CB8AC3E}">
        <p14:creationId xmlns:p14="http://schemas.microsoft.com/office/powerpoint/2010/main" val="348227344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C032944-B2EE-855D-3ADD-62452FD5205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90282" y="2146799"/>
            <a:ext cx="4411435" cy="470898"/>
          </a:xfrm>
        </p:spPr>
        <p:txBody>
          <a:bodyPr/>
          <a:lstStyle/>
          <a:p>
            <a:r>
              <a:rPr lang="en-US" dirty="0"/>
              <a:t>Prismatic cell Report</a:t>
            </a:r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79580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EFAA33E-4588-93FD-3798-CB78A58BA5D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able 1">
            <a:extLst>
              <a:ext uri="{FF2B5EF4-FFF2-40B4-BE49-F238E27FC236}">
                <a16:creationId xmlns:a16="http://schemas.microsoft.com/office/drawing/2014/main" id="{FFEDCC3E-AA91-37B3-9ED6-C2B0387651E3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68463042"/>
              </p:ext>
            </p:extLst>
          </p:nvPr>
        </p:nvGraphicFramePr>
        <p:xfrm>
          <a:off x="1280140" y="1175659"/>
          <a:ext cx="9631719" cy="5162004"/>
        </p:xfrm>
        <a:graphic>
          <a:graphicData uri="http://schemas.openxmlformats.org/drawingml/2006/table">
            <a:tbl>
              <a:tblPr firstRow="1" firstCol="1" bandRow="1">
                <a:tableStyleId>{9DCAF9ED-07DC-4A11-8D7F-57B35C25682E}</a:tableStyleId>
              </a:tblPr>
              <a:tblGrid>
                <a:gridCol w="3006412">
                  <a:extLst>
                    <a:ext uri="{9D8B030D-6E8A-4147-A177-3AD203B41FA5}">
                      <a16:colId xmlns:a16="http://schemas.microsoft.com/office/drawing/2014/main" val="3378915241"/>
                    </a:ext>
                  </a:extLst>
                </a:gridCol>
                <a:gridCol w="4253284">
                  <a:extLst>
                    <a:ext uri="{9D8B030D-6E8A-4147-A177-3AD203B41FA5}">
                      <a16:colId xmlns:a16="http://schemas.microsoft.com/office/drawing/2014/main" val="1957166543"/>
                    </a:ext>
                  </a:extLst>
                </a:gridCol>
                <a:gridCol w="2372023">
                  <a:extLst>
                    <a:ext uri="{9D8B030D-6E8A-4147-A177-3AD203B41FA5}">
                      <a16:colId xmlns:a16="http://schemas.microsoft.com/office/drawing/2014/main" val="3689399708"/>
                    </a:ext>
                  </a:extLst>
                </a:gridCol>
              </a:tblGrid>
              <a:tr h="398817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Parameters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Value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Unit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3991684838"/>
                  </a:ext>
                </a:extLst>
              </a:tr>
              <a:tr h="352938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Cell makes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</a:rPr>
                        <a:t>SVOLT 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 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3951072739"/>
                  </a:ext>
                </a:extLst>
              </a:tr>
              <a:tr h="297535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Nominal voltage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V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1328913710"/>
                  </a:ext>
                </a:extLst>
              </a:tr>
              <a:tr h="297535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Cell type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</a:rPr>
                        <a:t>Prismatic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 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2731373271"/>
                  </a:ext>
                </a:extLst>
              </a:tr>
              <a:tr h="297535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Cell voltage, OCV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V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1052040562"/>
                  </a:ext>
                </a:extLst>
              </a:tr>
              <a:tr h="328995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SOC of the cell as received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%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2160901535"/>
                  </a:ext>
                </a:extLst>
              </a:tr>
              <a:tr h="297535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Rated capacity 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</a:rPr>
                        <a:t>116 Ah @ XXX C-rate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Ah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1760244558"/>
                  </a:ext>
                </a:extLst>
              </a:tr>
              <a:tr h="297535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Cell weight 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kg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3882267169"/>
                  </a:ext>
                </a:extLst>
              </a:tr>
              <a:tr h="297535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Cell dimension (length * height * width)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mm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1423467548"/>
                  </a:ext>
                </a:extLst>
              </a:tr>
              <a:tr h="297535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Positive terminal dimensions (length* height * width)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mm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1631500640"/>
                  </a:ext>
                </a:extLst>
              </a:tr>
              <a:tr h="297535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Negative terminal dimensions (length* height * width)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807130352"/>
                  </a:ext>
                </a:extLst>
              </a:tr>
              <a:tr h="626242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Positive terminal height from cell base</a:t>
                      </a:r>
                      <a:br>
                        <a:rPr lang="en-IN" sz="1200" kern="0">
                          <a:effectLst/>
                        </a:rPr>
                      </a:br>
                      <a:r>
                        <a:rPr lang="en-IN" sz="1200" kern="0">
                          <a:effectLst/>
                        </a:rPr>
                        <a:t> (Height without tab)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2524008487"/>
                  </a:ext>
                </a:extLst>
              </a:tr>
              <a:tr h="626242"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Negative terminal height from cell base </a:t>
                      </a:r>
                      <a:br>
                        <a:rPr lang="en-IN" sz="1200" kern="0">
                          <a:effectLst/>
                        </a:rPr>
                      </a:br>
                      <a:r>
                        <a:rPr lang="en-IN" sz="1200" kern="0">
                          <a:effectLst/>
                        </a:rPr>
                        <a:t>(Height without tab)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7781" marR="67781" marT="0" marB="0"/>
                </a:tc>
                <a:extLst>
                  <a:ext uri="{0D108BD9-81ED-4DB2-BD59-A6C34878D82A}">
                    <a16:rowId xmlns:a16="http://schemas.microsoft.com/office/drawing/2014/main" val="1848035759"/>
                  </a:ext>
                </a:extLst>
              </a:tr>
            </a:tbl>
          </a:graphicData>
        </a:graphic>
      </p:graphicFrame>
      <p:sp>
        <p:nvSpPr>
          <p:cNvPr id="4" name="TextBox 3">
            <a:extLst>
              <a:ext uri="{FF2B5EF4-FFF2-40B4-BE49-F238E27FC236}">
                <a16:creationId xmlns:a16="http://schemas.microsoft.com/office/drawing/2014/main" id="{A7C98FBA-7D49-4EEB-B4F4-E7603374A081}"/>
              </a:ext>
            </a:extLst>
          </p:cNvPr>
          <p:cNvSpPr txBox="1"/>
          <p:nvPr/>
        </p:nvSpPr>
        <p:spPr>
          <a:xfrm>
            <a:off x="4615543" y="487679"/>
            <a:ext cx="291737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u="sng" dirty="0"/>
              <a:t>Physical parameters</a:t>
            </a:r>
            <a:endParaRPr lang="en-IN" sz="2400" b="1" u="sng" dirty="0"/>
          </a:p>
        </p:txBody>
      </p:sp>
    </p:spTree>
    <p:extLst>
      <p:ext uri="{BB962C8B-B14F-4D97-AF65-F5344CB8AC3E}">
        <p14:creationId xmlns:p14="http://schemas.microsoft.com/office/powerpoint/2010/main" val="3585732800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47740FF-D920-F322-6309-0C2F85ECFD3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16136" y="274458"/>
            <a:ext cx="4596493" cy="470898"/>
          </a:xfrm>
        </p:spPr>
        <p:txBody>
          <a:bodyPr/>
          <a:lstStyle/>
          <a:p>
            <a:r>
              <a:rPr lang="en-US" dirty="0"/>
              <a:t>Jelly roll parameters </a:t>
            </a:r>
            <a:endParaRPr lang="en-IN" dirty="0"/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B6C89415-A4CF-63B0-3BE4-8A023655B0A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811741606"/>
              </p:ext>
            </p:extLst>
          </p:nvPr>
        </p:nvGraphicFramePr>
        <p:xfrm>
          <a:off x="175329" y="1224328"/>
          <a:ext cx="5256643" cy="3662313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3406072">
                  <a:extLst>
                    <a:ext uri="{9D8B030D-6E8A-4147-A177-3AD203B41FA5}">
                      <a16:colId xmlns:a16="http://schemas.microsoft.com/office/drawing/2014/main" val="830996187"/>
                    </a:ext>
                  </a:extLst>
                </a:gridCol>
                <a:gridCol w="1230085">
                  <a:extLst>
                    <a:ext uri="{9D8B030D-6E8A-4147-A177-3AD203B41FA5}">
                      <a16:colId xmlns:a16="http://schemas.microsoft.com/office/drawing/2014/main" val="612561516"/>
                    </a:ext>
                  </a:extLst>
                </a:gridCol>
                <a:gridCol w="620486">
                  <a:extLst>
                    <a:ext uri="{9D8B030D-6E8A-4147-A177-3AD203B41FA5}">
                      <a16:colId xmlns:a16="http://schemas.microsoft.com/office/drawing/2014/main" val="621641868"/>
                    </a:ext>
                  </a:extLst>
                </a:gridCol>
              </a:tblGrid>
              <a:tr h="328188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Parameters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Values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Units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3113420978"/>
                  </a:ext>
                </a:extLst>
              </a:tr>
              <a:tr h="330584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No. of jelly roll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1733702974"/>
                  </a:ext>
                </a:extLst>
              </a:tr>
              <a:tr h="330584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Jelly roll dimension (length x height x width)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mm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3730941900"/>
                  </a:ext>
                </a:extLst>
              </a:tr>
              <a:tr h="330584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Type of jelly roll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1677094668"/>
                  </a:ext>
                </a:extLst>
              </a:tr>
              <a:tr h="645733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Tape combining jelly rolls, colour, width thickness (wide tape)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effectLst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3649892017"/>
                  </a:ext>
                </a:extLst>
              </a:tr>
              <a:tr h="330584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Small tapes dimensions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96737428"/>
                  </a:ext>
                </a:extLst>
              </a:tr>
              <a:tr h="374304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Tape for fixing separator at the end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3553121492"/>
                  </a:ext>
                </a:extLst>
              </a:tr>
              <a:tr h="330584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Extra separator (outer side) from cathode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935585520"/>
                  </a:ext>
                </a:extLst>
              </a:tr>
              <a:tr h="330584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Extra separator (outer side) from anode 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833454631"/>
                  </a:ext>
                </a:extLst>
              </a:tr>
              <a:tr h="330584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Curvature of the stack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1582746281"/>
                  </a:ext>
                </a:extLst>
              </a:tr>
            </a:tbl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E2CA6744-EBD5-B1E4-BAD9-A369959ACE3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837305305"/>
              </p:ext>
            </p:extLst>
          </p:nvPr>
        </p:nvGraphicFramePr>
        <p:xfrm>
          <a:off x="5584370" y="1224327"/>
          <a:ext cx="6432301" cy="3663081"/>
        </p:xfrm>
        <a:graphic>
          <a:graphicData uri="http://schemas.openxmlformats.org/drawingml/2006/table">
            <a:tbl>
              <a:tblPr firstRow="1" firstCol="1" bandRow="1"/>
              <a:tblGrid>
                <a:gridCol w="2940696">
                  <a:extLst>
                    <a:ext uri="{9D8B030D-6E8A-4147-A177-3AD203B41FA5}">
                      <a16:colId xmlns:a16="http://schemas.microsoft.com/office/drawing/2014/main" val="281221429"/>
                    </a:ext>
                  </a:extLst>
                </a:gridCol>
                <a:gridCol w="2847620">
                  <a:extLst>
                    <a:ext uri="{9D8B030D-6E8A-4147-A177-3AD203B41FA5}">
                      <a16:colId xmlns:a16="http://schemas.microsoft.com/office/drawing/2014/main" val="565019665"/>
                    </a:ext>
                  </a:extLst>
                </a:gridCol>
                <a:gridCol w="643985">
                  <a:extLst>
                    <a:ext uri="{9D8B030D-6E8A-4147-A177-3AD203B41FA5}">
                      <a16:colId xmlns:a16="http://schemas.microsoft.com/office/drawing/2014/main" val="2039902697"/>
                    </a:ext>
                  </a:extLst>
                </a:gridCol>
              </a:tblGrid>
              <a:tr h="218256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b="1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Parameters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b="1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Value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b="1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Units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17119658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Jelly roll tab welding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Ultrasonic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10218292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Jelly roll to connecting piece welding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Ultrasonic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05906674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Cathode connecting piece to cap welding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Laser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71201875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Anode connecting piece to cap welding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Laser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99003634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Cap to can peripheral welding with can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Laser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67139736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Electrolyte plate to cap welding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Laser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37914694"/>
                  </a:ext>
                </a:extLst>
              </a:tr>
              <a:tr h="285155">
                <a:tc gridSpan="2"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Mylar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30246966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Thickness of the mylar wrapping sheet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mm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41647932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Thickness of the bottom mylar sheet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mm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125091196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Hot pressing on mylar edge (Yes/No)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90310453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Dimensions of the Mylar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3490478007"/>
                  </a:ext>
                </a:extLst>
              </a:tr>
              <a:tr h="239238">
                <a:tc gridSpan="3"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Bottom plate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533352690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Pattern of holes for electrolyte circulation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  <a:ea typeface="+mn-ea"/>
                        </a:rPr>
                        <a:t>  </a:t>
                      </a:r>
                    </a:p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Arial" panose="020B0604020202020204" pitchFamily="34" charset="0"/>
                        </a:rPr>
                        <a:t> 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2936849879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0474620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>
            <a:extLst>
              <a:ext uri="{FF2B5EF4-FFF2-40B4-BE49-F238E27FC236}">
                <a16:creationId xmlns:a16="http://schemas.microsoft.com/office/drawing/2014/main" id="{8D7FD16A-DF9E-EA48-4376-82498E15F0F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57199" y="2926303"/>
            <a:ext cx="5609248" cy="2711550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1530F2FA-5ED6-988C-E31D-5399E37F678B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62000" y="1712516"/>
            <a:ext cx="3816546" cy="1143059"/>
          </a:xfrm>
          <a:prstGeom prst="rect">
            <a:avLst/>
          </a:prstGeom>
        </p:spPr>
      </p:pic>
      <p:sp>
        <p:nvSpPr>
          <p:cNvPr id="5" name="TextBox 4">
            <a:extLst>
              <a:ext uri="{FF2B5EF4-FFF2-40B4-BE49-F238E27FC236}">
                <a16:creationId xmlns:a16="http://schemas.microsoft.com/office/drawing/2014/main" id="{B6907DF6-107E-98A3-FFB4-3854A77C2BD4}"/>
              </a:ext>
            </a:extLst>
          </p:cNvPr>
          <p:cNvSpPr txBox="1"/>
          <p:nvPr/>
        </p:nvSpPr>
        <p:spPr>
          <a:xfrm>
            <a:off x="457199" y="1097503"/>
            <a:ext cx="2754087" cy="382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Management Approvals</a:t>
            </a:r>
            <a:endParaRPr lang="en-IN" b="1" dirty="0"/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538D6680-7D82-847C-CDCC-5EF25A32838F}"/>
              </a:ext>
            </a:extLst>
          </p:cNvPr>
          <p:cNvCxnSpPr/>
          <p:nvPr/>
        </p:nvCxnSpPr>
        <p:spPr>
          <a:xfrm>
            <a:off x="6858000" y="1230086"/>
            <a:ext cx="0" cy="502920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>
            <a:extLst>
              <a:ext uri="{FF2B5EF4-FFF2-40B4-BE49-F238E27FC236}">
                <a16:creationId xmlns:a16="http://schemas.microsoft.com/office/drawing/2014/main" id="{B99A55FA-AC2C-3B8E-5E92-C7134A2EA18B}"/>
              </a:ext>
            </a:extLst>
          </p:cNvPr>
          <p:cNvCxnSpPr/>
          <p:nvPr/>
        </p:nvCxnSpPr>
        <p:spPr>
          <a:xfrm>
            <a:off x="6890654" y="1240972"/>
            <a:ext cx="0" cy="502920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TextBox 8">
            <a:extLst>
              <a:ext uri="{FF2B5EF4-FFF2-40B4-BE49-F238E27FC236}">
                <a16:creationId xmlns:a16="http://schemas.microsoft.com/office/drawing/2014/main" id="{0B5DB6AA-064F-B19E-EC37-74209E66A7D7}"/>
              </a:ext>
            </a:extLst>
          </p:cNvPr>
          <p:cNvSpPr txBox="1"/>
          <p:nvPr/>
        </p:nvSpPr>
        <p:spPr>
          <a:xfrm>
            <a:off x="7293429" y="1097503"/>
            <a:ext cx="404948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Timeline of starting IISc activity</a:t>
            </a:r>
            <a:endParaRPr lang="en-IN" b="1" dirty="0"/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D03F7CA1-386F-B4A0-A155-95E0BA5CCEC0}"/>
              </a:ext>
            </a:extLst>
          </p:cNvPr>
          <p:cNvSpPr txBox="1"/>
          <p:nvPr/>
        </p:nvSpPr>
        <p:spPr>
          <a:xfrm>
            <a:off x="7489371" y="1527850"/>
            <a:ext cx="36576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Tentatively: 16-06-2025</a:t>
            </a:r>
            <a:endParaRPr lang="en-IN" dirty="0"/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31BDB906-4960-C9FF-32D9-0BC8624265A7}"/>
              </a:ext>
            </a:extLst>
          </p:cNvPr>
          <p:cNvSpPr txBox="1"/>
          <p:nvPr/>
        </p:nvSpPr>
        <p:spPr>
          <a:xfrm>
            <a:off x="7815942" y="2099379"/>
            <a:ext cx="3331029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&gt;&gt; </a:t>
            </a:r>
            <a:r>
              <a:rPr lang="en-US" dirty="0" err="1"/>
              <a:t>Prantij</a:t>
            </a:r>
            <a:r>
              <a:rPr lang="en-US" dirty="0"/>
              <a:t> Cells dispatch issues</a:t>
            </a:r>
          </a:p>
          <a:p>
            <a:r>
              <a:rPr lang="en-US" dirty="0"/>
              <a:t>&gt;&gt; PR/PO generation </a:t>
            </a:r>
            <a:endParaRPr lang="en-IN" dirty="0"/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A6B19975-868E-BF4C-2291-3C0A356ED30C}"/>
              </a:ext>
            </a:extLst>
          </p:cNvPr>
          <p:cNvSpPr txBox="1"/>
          <p:nvPr/>
        </p:nvSpPr>
        <p:spPr>
          <a:xfrm>
            <a:off x="7489371" y="3373789"/>
            <a:ext cx="4201886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Expected time of finish IISc: 04-07-2025</a:t>
            </a:r>
            <a:endParaRPr lang="en-IN" dirty="0"/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4172334F-E16F-264E-AD27-CE01C9C0B8BE}"/>
              </a:ext>
            </a:extLst>
          </p:cNvPr>
          <p:cNvSpPr txBox="1"/>
          <p:nvPr/>
        </p:nvSpPr>
        <p:spPr>
          <a:xfrm>
            <a:off x="3363686" y="468086"/>
            <a:ext cx="608511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b="1" u="sng" dirty="0"/>
              <a:t>Approvals &amp; timelines</a:t>
            </a:r>
            <a:endParaRPr lang="en-IN" b="1" u="sng" dirty="0"/>
          </a:p>
        </p:txBody>
      </p:sp>
    </p:spTree>
    <p:extLst>
      <p:ext uri="{BB962C8B-B14F-4D97-AF65-F5344CB8AC3E}">
        <p14:creationId xmlns:p14="http://schemas.microsoft.com/office/powerpoint/2010/main" val="3730558259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6FD5C04-2F0F-82C9-7E80-74781583B53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806763" y="519095"/>
            <a:ext cx="6969578" cy="498428"/>
          </a:xfrm>
        </p:spPr>
        <p:txBody>
          <a:bodyPr/>
          <a:lstStyle/>
          <a:p>
            <a:r>
              <a:rPr lang="en-US" dirty="0"/>
              <a:t>Cathode &amp; Anode electrode details </a:t>
            </a:r>
            <a:endParaRPr lang="en-IN" dirty="0"/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7BDC6719-88DC-9B5C-3983-C93DE57220F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40479120"/>
              </p:ext>
            </p:extLst>
          </p:nvPr>
        </p:nvGraphicFramePr>
        <p:xfrm>
          <a:off x="2056617" y="1354980"/>
          <a:ext cx="8469870" cy="4673389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3681762">
                  <a:extLst>
                    <a:ext uri="{9D8B030D-6E8A-4147-A177-3AD203B41FA5}">
                      <a16:colId xmlns:a16="http://schemas.microsoft.com/office/drawing/2014/main" val="907275615"/>
                    </a:ext>
                  </a:extLst>
                </a:gridCol>
                <a:gridCol w="2012584">
                  <a:extLst>
                    <a:ext uri="{9D8B030D-6E8A-4147-A177-3AD203B41FA5}">
                      <a16:colId xmlns:a16="http://schemas.microsoft.com/office/drawing/2014/main" val="3560311711"/>
                    </a:ext>
                  </a:extLst>
                </a:gridCol>
                <a:gridCol w="2012584">
                  <a:extLst>
                    <a:ext uri="{9D8B030D-6E8A-4147-A177-3AD203B41FA5}">
                      <a16:colId xmlns:a16="http://schemas.microsoft.com/office/drawing/2014/main" val="4229168576"/>
                    </a:ext>
                  </a:extLst>
                </a:gridCol>
                <a:gridCol w="762940">
                  <a:extLst>
                    <a:ext uri="{9D8B030D-6E8A-4147-A177-3AD203B41FA5}">
                      <a16:colId xmlns:a16="http://schemas.microsoft.com/office/drawing/2014/main" val="3096945177"/>
                    </a:ext>
                  </a:extLst>
                </a:gridCol>
              </a:tblGrid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Parameter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 gridSpan="2"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Value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 hMerge="1"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Units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2064374670"/>
                  </a:ext>
                </a:extLst>
              </a:tr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Aptos" panose="020B00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athode</a:t>
                      </a:r>
                      <a:endParaRPr lang="en-IN" sz="1200" b="1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Aptos" panose="020B00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node</a:t>
                      </a:r>
                      <a:endParaRPr lang="en-IN" sz="1200" b="1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3826797926"/>
                  </a:ext>
                </a:extLst>
              </a:tr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Al-current collector average thickness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u="none" strike="noStrike" kern="100">
                          <a:effectLst/>
                        </a:rPr>
                        <a:t>µm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3225792584"/>
                  </a:ext>
                </a:extLst>
              </a:tr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Number of electrodes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 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679148171"/>
                  </a:ext>
                </a:extLst>
              </a:tr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Length of coated cathode 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mm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724653433"/>
                  </a:ext>
                </a:extLst>
              </a:tr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Width of cathode coating 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3460855980"/>
                  </a:ext>
                </a:extLst>
              </a:tr>
              <a:tr h="44784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Total thickness of the cathode 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u="none" strike="noStrike" kern="100" dirty="0">
                          <a:effectLst/>
                        </a:rPr>
                        <a:t>µ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1471498299"/>
                  </a:ext>
                </a:extLst>
              </a:tr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A side / B-side CAM loading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mg/cm</a:t>
                      </a:r>
                      <a:r>
                        <a:rPr lang="en-IN" sz="1200" kern="100" baseline="30000" dirty="0">
                          <a:effectLst/>
                        </a:rPr>
                        <a:t>2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3813595574"/>
                  </a:ext>
                </a:extLst>
              </a:tr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No. of tabs (welded)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 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4025039679"/>
                  </a:ext>
                </a:extLst>
              </a:tr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Width of the tab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2329908897"/>
                  </a:ext>
                </a:extLst>
              </a:tr>
              <a:tr h="37247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Length of the tab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2728132622"/>
                  </a:ext>
                </a:extLst>
              </a:tr>
              <a:tr h="50075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Welding type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100" dirty="0">
                          <a:effectLst/>
                        </a:rPr>
                        <a:t> 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extLst>
                  <a:ext uri="{0D108BD9-81ED-4DB2-BD59-A6C34878D82A}">
                    <a16:rowId xmlns:a16="http://schemas.microsoft.com/office/drawing/2014/main" val="1436557878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4578308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C4806AD-0851-2511-D2F5-8288A563315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297135" y="1330372"/>
            <a:ext cx="3627665" cy="470898"/>
          </a:xfrm>
        </p:spPr>
        <p:txBody>
          <a:bodyPr/>
          <a:lstStyle/>
          <a:p>
            <a:r>
              <a:rPr lang="en-US" dirty="0"/>
              <a:t>Separator details</a:t>
            </a:r>
            <a:endParaRPr lang="en-IN" dirty="0"/>
          </a:p>
        </p:txBody>
      </p:sp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A4B2EA02-444D-065A-DC3F-23175728AE4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49561890"/>
              </p:ext>
            </p:extLst>
          </p:nvPr>
        </p:nvGraphicFramePr>
        <p:xfrm>
          <a:off x="3233420" y="1987944"/>
          <a:ext cx="5725160" cy="1898256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2401570">
                  <a:extLst>
                    <a:ext uri="{9D8B030D-6E8A-4147-A177-3AD203B41FA5}">
                      <a16:colId xmlns:a16="http://schemas.microsoft.com/office/drawing/2014/main" val="337357530"/>
                    </a:ext>
                  </a:extLst>
                </a:gridCol>
                <a:gridCol w="2096135">
                  <a:extLst>
                    <a:ext uri="{9D8B030D-6E8A-4147-A177-3AD203B41FA5}">
                      <a16:colId xmlns:a16="http://schemas.microsoft.com/office/drawing/2014/main" val="1031600057"/>
                    </a:ext>
                  </a:extLst>
                </a:gridCol>
                <a:gridCol w="1227455">
                  <a:extLst>
                    <a:ext uri="{9D8B030D-6E8A-4147-A177-3AD203B41FA5}">
                      <a16:colId xmlns:a16="http://schemas.microsoft.com/office/drawing/2014/main" val="406251720"/>
                    </a:ext>
                  </a:extLst>
                </a:gridCol>
              </a:tblGrid>
              <a:tr h="273428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Parameters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Values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Units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3159950385"/>
                  </a:ext>
                </a:extLst>
              </a:tr>
              <a:tr h="273428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No. of Separators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>
                          <a:effectLst/>
                        </a:rPr>
                        <a:t> </a:t>
                      </a:r>
                      <a:endParaRPr lang="en-IN" sz="1200" kern="10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3251519754"/>
                  </a:ext>
                </a:extLst>
              </a:tr>
              <a:tr h="537988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Separator 1 dimensions (L×W×T) 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3143782134"/>
                  </a:ext>
                </a:extLst>
              </a:tr>
              <a:tr h="275424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Aptos" panose="020B00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Thickness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Aptos" panose="020B00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mm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3011211814"/>
                  </a:ext>
                </a:extLst>
              </a:tr>
              <a:tr h="537988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Appearance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IN" sz="1200" kern="0" dirty="0">
                          <a:effectLst/>
                        </a:rPr>
                        <a:t> </a:t>
                      </a:r>
                      <a:endParaRPr lang="en-IN" sz="1200" kern="100" dirty="0">
                        <a:effectLst/>
                        <a:latin typeface="Aptos" panose="020B0004020202020204" pitchFamily="34" charset="0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9525" marB="9525"/>
                </a:tc>
                <a:extLst>
                  <a:ext uri="{0D108BD9-81ED-4DB2-BD59-A6C34878D82A}">
                    <a16:rowId xmlns:a16="http://schemas.microsoft.com/office/drawing/2014/main" val="3758550047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8813997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6399334-7690-E27C-8561-D96755196D9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ut open images </a:t>
            </a:r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30987797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>
            <a:extLst>
              <a:ext uri="{FF2B5EF4-FFF2-40B4-BE49-F238E27FC236}">
                <a16:creationId xmlns:a16="http://schemas.microsoft.com/office/drawing/2014/main" id="{92BBA585-1044-46C6-51C8-E72ED13B3E99}"/>
              </a:ext>
            </a:extLst>
          </p:cNvPr>
          <p:cNvSpPr txBox="1"/>
          <p:nvPr/>
        </p:nvSpPr>
        <p:spPr>
          <a:xfrm>
            <a:off x="293914" y="1153886"/>
            <a:ext cx="9339943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u="sng" dirty="0"/>
              <a:t>Parts analysis of prismatic cell</a:t>
            </a:r>
            <a:endParaRPr lang="en-IN" sz="2400" b="1" u="sng" dirty="0"/>
          </a:p>
        </p:txBody>
      </p:sp>
    </p:spTree>
    <p:extLst>
      <p:ext uri="{BB962C8B-B14F-4D97-AF65-F5344CB8AC3E}">
        <p14:creationId xmlns:p14="http://schemas.microsoft.com/office/powerpoint/2010/main" val="37762016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2618243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>
            <a:extLst>
              <a:ext uri="{FF2B5EF4-FFF2-40B4-BE49-F238E27FC236}">
                <a16:creationId xmlns:a16="http://schemas.microsoft.com/office/drawing/2014/main" id="{78D3C7DA-BA33-5BCD-CEC6-655C773C938B}"/>
              </a:ext>
            </a:extLst>
          </p:cNvPr>
          <p:cNvSpPr txBox="1"/>
          <p:nvPr/>
        </p:nvSpPr>
        <p:spPr>
          <a:xfrm>
            <a:off x="4561171" y="559559"/>
            <a:ext cx="403418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u="sng" dirty="0"/>
              <a:t>Images of the overall cell: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3C8947D0-DE76-D229-9FC2-43713AEA5BC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064584838"/>
              </p:ext>
            </p:extLst>
          </p:nvPr>
        </p:nvGraphicFramePr>
        <p:xfrm>
          <a:off x="763203" y="1202882"/>
          <a:ext cx="10950742" cy="4341268"/>
        </p:xfrm>
        <a:graphic>
          <a:graphicData uri="http://schemas.openxmlformats.org/drawingml/2006/table">
            <a:tbl>
              <a:tblPr/>
              <a:tblGrid>
                <a:gridCol w="719767">
                  <a:extLst>
                    <a:ext uri="{9D8B030D-6E8A-4147-A177-3AD203B41FA5}">
                      <a16:colId xmlns:a16="http://schemas.microsoft.com/office/drawing/2014/main" val="1484936326"/>
                    </a:ext>
                  </a:extLst>
                </a:gridCol>
                <a:gridCol w="1914748">
                  <a:extLst>
                    <a:ext uri="{9D8B030D-6E8A-4147-A177-3AD203B41FA5}">
                      <a16:colId xmlns:a16="http://schemas.microsoft.com/office/drawing/2014/main" val="854429492"/>
                    </a:ext>
                  </a:extLst>
                </a:gridCol>
                <a:gridCol w="3149328">
                  <a:extLst>
                    <a:ext uri="{9D8B030D-6E8A-4147-A177-3AD203B41FA5}">
                      <a16:colId xmlns:a16="http://schemas.microsoft.com/office/drawing/2014/main" val="3954996024"/>
                    </a:ext>
                  </a:extLst>
                </a:gridCol>
                <a:gridCol w="2287831">
                  <a:extLst>
                    <a:ext uri="{9D8B030D-6E8A-4147-A177-3AD203B41FA5}">
                      <a16:colId xmlns:a16="http://schemas.microsoft.com/office/drawing/2014/main" val="210238602"/>
                    </a:ext>
                  </a:extLst>
                </a:gridCol>
                <a:gridCol w="2879068">
                  <a:extLst>
                    <a:ext uri="{9D8B030D-6E8A-4147-A177-3AD203B41FA5}">
                      <a16:colId xmlns:a16="http://schemas.microsoft.com/office/drawing/2014/main" val="772563824"/>
                    </a:ext>
                  </a:extLst>
                </a:gridCol>
              </a:tblGrid>
              <a:tr h="566252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Sr. No.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Cells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Overall cell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Top view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Bottom view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71730498"/>
                  </a:ext>
                </a:extLst>
              </a:tr>
              <a:tr h="47187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1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AK 5.5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652475514"/>
                  </a:ext>
                </a:extLst>
              </a:tr>
              <a:tr h="47187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2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4680 Gen2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19200994"/>
                  </a:ext>
                </a:extLst>
              </a:tr>
              <a:tr h="47187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3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livex 32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443532572"/>
                  </a:ext>
                </a:extLst>
              </a:tr>
              <a:tr h="47187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4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CBAK 3214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436939498"/>
                  </a:ext>
                </a:extLst>
              </a:tr>
              <a:tr h="47187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5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EVE 5.0 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44050368"/>
                  </a:ext>
                </a:extLst>
              </a:tr>
              <a:tr h="47187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6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olicell 4.2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28349755"/>
                  </a:ext>
                </a:extLst>
              </a:tr>
              <a:tr h="47187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7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RIN 5.8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62921273"/>
                  </a:ext>
                </a:extLst>
              </a:tr>
              <a:tr h="471877"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8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SVOLT 116 Ah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462755752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36555818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Box 5">
            <a:extLst>
              <a:ext uri="{FF2B5EF4-FFF2-40B4-BE49-F238E27FC236}">
                <a16:creationId xmlns:a16="http://schemas.microsoft.com/office/drawing/2014/main" id="{83B0449F-1097-0C8F-F0FB-08D38747D2F6}"/>
              </a:ext>
            </a:extLst>
          </p:cNvPr>
          <p:cNvSpPr txBox="1"/>
          <p:nvPr/>
        </p:nvSpPr>
        <p:spPr>
          <a:xfrm>
            <a:off x="4042610" y="770021"/>
            <a:ext cx="433136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u="sng" dirty="0"/>
              <a:t>Cells to be teardown &amp; cell history</a:t>
            </a:r>
            <a:endParaRPr lang="en-IN" b="1" u="sng" dirty="0"/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0FA1FCBB-AB3E-0F01-703F-65A5085132D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79839387"/>
              </p:ext>
            </p:extLst>
          </p:nvPr>
        </p:nvGraphicFramePr>
        <p:xfrm>
          <a:off x="316363" y="1458619"/>
          <a:ext cx="11618963" cy="3991686"/>
        </p:xfrm>
        <a:graphic>
          <a:graphicData uri="http://schemas.openxmlformats.org/drawingml/2006/table">
            <a:tbl>
              <a:tblPr/>
              <a:tblGrid>
                <a:gridCol w="419914">
                  <a:extLst>
                    <a:ext uri="{9D8B030D-6E8A-4147-A177-3AD203B41FA5}">
                      <a16:colId xmlns:a16="http://schemas.microsoft.com/office/drawing/2014/main" val="3333282364"/>
                    </a:ext>
                  </a:extLst>
                </a:gridCol>
                <a:gridCol w="1106129">
                  <a:extLst>
                    <a:ext uri="{9D8B030D-6E8A-4147-A177-3AD203B41FA5}">
                      <a16:colId xmlns:a16="http://schemas.microsoft.com/office/drawing/2014/main" val="4254642429"/>
                    </a:ext>
                  </a:extLst>
                </a:gridCol>
                <a:gridCol w="1106129">
                  <a:extLst>
                    <a:ext uri="{9D8B030D-6E8A-4147-A177-3AD203B41FA5}">
                      <a16:colId xmlns:a16="http://schemas.microsoft.com/office/drawing/2014/main" val="2175027600"/>
                    </a:ext>
                  </a:extLst>
                </a:gridCol>
                <a:gridCol w="1848262">
                  <a:extLst>
                    <a:ext uri="{9D8B030D-6E8A-4147-A177-3AD203B41FA5}">
                      <a16:colId xmlns:a16="http://schemas.microsoft.com/office/drawing/2014/main" val="3618009095"/>
                    </a:ext>
                  </a:extLst>
                </a:gridCol>
                <a:gridCol w="1439704">
                  <a:extLst>
                    <a:ext uri="{9D8B030D-6E8A-4147-A177-3AD203B41FA5}">
                      <a16:colId xmlns:a16="http://schemas.microsoft.com/office/drawing/2014/main" val="147182481"/>
                    </a:ext>
                  </a:extLst>
                </a:gridCol>
                <a:gridCol w="1679654">
                  <a:extLst>
                    <a:ext uri="{9D8B030D-6E8A-4147-A177-3AD203B41FA5}">
                      <a16:colId xmlns:a16="http://schemas.microsoft.com/office/drawing/2014/main" val="211292966"/>
                    </a:ext>
                  </a:extLst>
                </a:gridCol>
                <a:gridCol w="1574675">
                  <a:extLst>
                    <a:ext uri="{9D8B030D-6E8A-4147-A177-3AD203B41FA5}">
                      <a16:colId xmlns:a16="http://schemas.microsoft.com/office/drawing/2014/main" val="2383648628"/>
                    </a:ext>
                  </a:extLst>
                </a:gridCol>
                <a:gridCol w="1184756">
                  <a:extLst>
                    <a:ext uri="{9D8B030D-6E8A-4147-A177-3AD203B41FA5}">
                      <a16:colId xmlns:a16="http://schemas.microsoft.com/office/drawing/2014/main" val="136954466"/>
                    </a:ext>
                  </a:extLst>
                </a:gridCol>
                <a:gridCol w="1259740">
                  <a:extLst>
                    <a:ext uri="{9D8B030D-6E8A-4147-A177-3AD203B41FA5}">
                      <a16:colId xmlns:a16="http://schemas.microsoft.com/office/drawing/2014/main" val="1497418628"/>
                    </a:ext>
                  </a:extLst>
                </a:gridCol>
              </a:tblGrid>
              <a:tr h="658459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Sr. No.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Cell brand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Rated capacity</a:t>
                      </a:r>
                      <a:endParaRPr lang="en-IN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Date/ month of manufacuring 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Cell purchased date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Cell Initial charge/discharge cycle available with testing team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OCV of cell as received from testing team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200" b="1" i="0" u="none" strike="noStrike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Cell condition (fresh/cycled  cell)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If cycled, cycled conditions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2D5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4731842"/>
                  </a:ext>
                </a:extLst>
              </a:tr>
              <a:tr h="40672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1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AK 5.5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835136456"/>
                  </a:ext>
                </a:extLst>
              </a:tr>
              <a:tr h="40672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2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4680 Gen2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47787371"/>
                  </a:ext>
                </a:extLst>
              </a:tr>
              <a:tr h="40672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3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livex</a:t>
                      </a:r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 32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03173020"/>
                  </a:ext>
                </a:extLst>
              </a:tr>
              <a:tr h="40672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4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CBAK 3214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59567899"/>
                  </a:ext>
                </a:extLst>
              </a:tr>
              <a:tr h="40672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5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EVE 5.0 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11834184"/>
                  </a:ext>
                </a:extLst>
              </a:tr>
              <a:tr h="40672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6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olicell 4.2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83819685"/>
                  </a:ext>
                </a:extLst>
              </a:tr>
              <a:tr h="406727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7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RIN 5.8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IN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6350" marR="6350" marT="6350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93285605"/>
                  </a:ext>
                </a:extLst>
              </a:tr>
              <a:tr h="406727"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8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SVOLT 116 Ah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08476099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287987967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9A0A6B7A-10E7-42FA-A595-692FB28EF527}"/>
              </a:ext>
            </a:extLst>
          </p:cNvPr>
          <p:cNvSpPr txBox="1"/>
          <p:nvPr/>
        </p:nvSpPr>
        <p:spPr>
          <a:xfrm>
            <a:off x="4005943" y="2721114"/>
            <a:ext cx="4746171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4000" b="1" dirty="0"/>
              <a:t>Cylindrical cell report</a:t>
            </a:r>
            <a:endParaRPr lang="en-IN" sz="4000" b="1" dirty="0"/>
          </a:p>
        </p:txBody>
      </p:sp>
    </p:spTree>
    <p:extLst>
      <p:ext uri="{BB962C8B-B14F-4D97-AF65-F5344CB8AC3E}">
        <p14:creationId xmlns:p14="http://schemas.microsoft.com/office/powerpoint/2010/main" val="2648200114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Arrow: Pentagon 6">
            <a:extLst>
              <a:ext uri="{FF2B5EF4-FFF2-40B4-BE49-F238E27FC236}">
                <a16:creationId xmlns:a16="http://schemas.microsoft.com/office/drawing/2014/main" id="{4217663F-225F-2108-BE13-CB495E9B3461}"/>
              </a:ext>
            </a:extLst>
          </p:cNvPr>
          <p:cNvSpPr/>
          <p:nvPr/>
        </p:nvSpPr>
        <p:spPr>
          <a:xfrm>
            <a:off x="1963391" y="353038"/>
            <a:ext cx="9455150" cy="590859"/>
          </a:xfrm>
          <a:prstGeom prst="homePlate">
            <a:avLst>
              <a:gd name="adj" fmla="val 46750"/>
            </a:avLst>
          </a:prstGeom>
          <a:solidFill>
            <a:srgbClr val="F8CBAD"/>
          </a:solidFill>
        </p:spPr>
        <p:txBody>
          <a:bodyPr vert="horz" lIns="91440" tIns="45720" rIns="91440" bIns="45720" rtlCol="0" anchor="ctr">
            <a:noAutofit/>
          </a:bodyPr>
          <a:lstStyle/>
          <a:p>
            <a:pPr>
              <a:spcBef>
                <a:spcPct val="0"/>
              </a:spcBef>
            </a:pPr>
            <a:r>
              <a:rPr lang="en-IN" sz="2800" b="1" dirty="0">
                <a:solidFill>
                  <a:schemeClr val="tx1"/>
                </a:solidFill>
                <a:latin typeface="Gotham" pitchFamily="50" charset="0"/>
                <a:ea typeface="+mj-ea"/>
                <a:cs typeface="+mj-cs"/>
              </a:rPr>
              <a:t>Cylindrical Cells: Physical Parameters</a:t>
            </a: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11B69EAF-A810-B255-4882-AA17B269C80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73766629"/>
              </p:ext>
            </p:extLst>
          </p:nvPr>
        </p:nvGraphicFramePr>
        <p:xfrm>
          <a:off x="347547" y="1449658"/>
          <a:ext cx="11289281" cy="3446112"/>
        </p:xfrm>
        <a:graphic>
          <a:graphicData uri="http://schemas.openxmlformats.org/drawingml/2006/table">
            <a:tbl>
              <a:tblPr/>
              <a:tblGrid>
                <a:gridCol w="1373885">
                  <a:extLst>
                    <a:ext uri="{9D8B030D-6E8A-4147-A177-3AD203B41FA5}">
                      <a16:colId xmlns:a16="http://schemas.microsoft.com/office/drawing/2014/main" val="1077851271"/>
                    </a:ext>
                  </a:extLst>
                </a:gridCol>
                <a:gridCol w="1118279">
                  <a:extLst>
                    <a:ext uri="{9D8B030D-6E8A-4147-A177-3AD203B41FA5}">
                      <a16:colId xmlns:a16="http://schemas.microsoft.com/office/drawing/2014/main" val="2305007436"/>
                    </a:ext>
                  </a:extLst>
                </a:gridCol>
                <a:gridCol w="1256731">
                  <a:extLst>
                    <a:ext uri="{9D8B030D-6E8A-4147-A177-3AD203B41FA5}">
                      <a16:colId xmlns:a16="http://schemas.microsoft.com/office/drawing/2014/main" val="3972676809"/>
                    </a:ext>
                  </a:extLst>
                </a:gridCol>
                <a:gridCol w="1256731">
                  <a:extLst>
                    <a:ext uri="{9D8B030D-6E8A-4147-A177-3AD203B41FA5}">
                      <a16:colId xmlns:a16="http://schemas.microsoft.com/office/drawing/2014/main" val="835539134"/>
                    </a:ext>
                  </a:extLst>
                </a:gridCol>
                <a:gridCol w="1256731">
                  <a:extLst>
                    <a:ext uri="{9D8B030D-6E8A-4147-A177-3AD203B41FA5}">
                      <a16:colId xmlns:a16="http://schemas.microsoft.com/office/drawing/2014/main" val="3126071064"/>
                    </a:ext>
                  </a:extLst>
                </a:gridCol>
                <a:gridCol w="1256731">
                  <a:extLst>
                    <a:ext uri="{9D8B030D-6E8A-4147-A177-3AD203B41FA5}">
                      <a16:colId xmlns:a16="http://schemas.microsoft.com/office/drawing/2014/main" val="2237238924"/>
                    </a:ext>
                  </a:extLst>
                </a:gridCol>
                <a:gridCol w="1256731">
                  <a:extLst>
                    <a:ext uri="{9D8B030D-6E8A-4147-A177-3AD203B41FA5}">
                      <a16:colId xmlns:a16="http://schemas.microsoft.com/office/drawing/2014/main" val="4211875674"/>
                    </a:ext>
                  </a:extLst>
                </a:gridCol>
                <a:gridCol w="1256731">
                  <a:extLst>
                    <a:ext uri="{9D8B030D-6E8A-4147-A177-3AD203B41FA5}">
                      <a16:colId xmlns:a16="http://schemas.microsoft.com/office/drawing/2014/main" val="2431563172"/>
                    </a:ext>
                  </a:extLst>
                </a:gridCol>
                <a:gridCol w="1256731">
                  <a:extLst>
                    <a:ext uri="{9D8B030D-6E8A-4147-A177-3AD203B41FA5}">
                      <a16:colId xmlns:a16="http://schemas.microsoft.com/office/drawing/2014/main" val="3447167592"/>
                    </a:ext>
                  </a:extLst>
                </a:gridCol>
              </a:tblGrid>
              <a:tr h="636545">
                <a:tc gridSpan="2"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BAK 5.5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4680 Gen2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 err="1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Blivex</a:t>
                      </a:r>
                      <a:r>
                        <a:rPr lang="en-IN" sz="1200" b="0" i="0" u="none" strike="noStrike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 32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CBAK 3214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EVE 5.0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 err="1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Moilicell</a:t>
                      </a:r>
                      <a:r>
                        <a:rPr lang="en-IN" sz="1200" b="0" i="0" u="none" strike="noStrike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 4.2 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200" b="0" i="0" u="none" strike="noStrike" dirty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RIN 5.8 _21700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56698670"/>
                  </a:ext>
                </a:extLst>
              </a:tr>
              <a:tr h="462404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Cell type 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29238749"/>
                  </a:ext>
                </a:extLst>
              </a:tr>
              <a:tr h="497547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Cell weight, without sleeve (gm)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218826124"/>
                  </a:ext>
                </a:extLst>
              </a:tr>
              <a:tr h="462404">
                <a:tc rowSpan="2">
                  <a:txBody>
                    <a:bodyPr/>
                    <a:lstStyle/>
                    <a:p>
                      <a:pPr algn="l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Cell Dia</a:t>
                      </a:r>
                    </a:p>
                    <a:p>
                      <a:pPr algn="l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T</a:t>
                      </a:r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op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22669166"/>
                  </a:ext>
                </a:extLst>
              </a:tr>
              <a:tr h="462404">
                <a:tc vMerge="1">
                  <a:txBody>
                    <a:bodyPr/>
                    <a:lstStyle/>
                    <a:p>
                      <a:endParaRPr dirty="0"/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bottom</a:t>
                      </a:r>
                    </a:p>
                  </a:txBody>
                  <a:tcPr marL="6350" marR="6350" marT="6350" marB="0" anchor="ctr"/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b"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79001937"/>
                  </a:ext>
                </a:extLst>
              </a:tr>
              <a:tr h="462404">
                <a:tc rowSpan="2">
                  <a:txBody>
                    <a:bodyPr/>
                    <a:lstStyle/>
                    <a:p>
                      <a:pPr algn="l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Cell length </a:t>
                      </a:r>
                    </a:p>
                    <a:p>
                      <a:pPr algn="l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Total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34885132"/>
                  </a:ext>
                </a:extLst>
              </a:tr>
              <a:tr h="462404">
                <a:tc vMerge="1">
                  <a:txBody>
                    <a:bodyPr/>
                    <a:lstStyle/>
                    <a:p>
                      <a:endParaRPr dirty="0"/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ptos" panose="020B0004020202020204" pitchFamily="34" charset="0"/>
                        </a:rPr>
                        <a:t>Up to Cap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25844613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236229107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58019808-9C15-CE56-EABC-E9F1EABDF150}"/>
              </a:ext>
            </a:extLst>
          </p:cNvPr>
          <p:cNvSpPr>
            <a:spLocks noGrp="1"/>
          </p:cNvSpPr>
          <p:nvPr>
            <p:ph type="title" idx="4294967295"/>
          </p:nvPr>
        </p:nvSpPr>
        <p:spPr>
          <a:xfrm>
            <a:off x="2263140" y="194706"/>
            <a:ext cx="6995160" cy="501015"/>
          </a:xfrm>
          <a:prstGeom prst="homePlate">
            <a:avLst>
              <a:gd name="adj" fmla="val 144764"/>
            </a:avLst>
          </a:prstGeom>
          <a:solidFill>
            <a:srgbClr val="F8CBAD"/>
          </a:solidFill>
        </p:spPr>
        <p:txBody>
          <a:bodyPr anchor="ctr">
            <a:noAutofit/>
          </a:bodyPr>
          <a:lstStyle/>
          <a:p>
            <a:pPr>
              <a:lnSpc>
                <a:spcPct val="100000"/>
              </a:lnSpc>
            </a:pPr>
            <a:r>
              <a:rPr lang="en-IN" sz="2800" b="1" dirty="0"/>
              <a:t>Cathode: Overall comparison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E7FDFD7E-7A25-76E8-82EF-ACF2B4BC520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310650532"/>
              </p:ext>
            </p:extLst>
          </p:nvPr>
        </p:nvGraphicFramePr>
        <p:xfrm>
          <a:off x="265177" y="1020458"/>
          <a:ext cx="11458737" cy="5392328"/>
        </p:xfrm>
        <a:graphic>
          <a:graphicData uri="http://schemas.openxmlformats.org/drawingml/2006/table">
            <a:tbl>
              <a:tblPr firstRow="1" bandRow="1">
                <a:solidFill>
                  <a:schemeClr val="bg1"/>
                </a:solidFill>
                <a:tableStyleId>{5C22544A-7EE6-4342-B048-85BDC9FD1C3A}</a:tableStyleId>
              </a:tblPr>
              <a:tblGrid>
                <a:gridCol w="1273193">
                  <a:extLst>
                    <a:ext uri="{9D8B030D-6E8A-4147-A177-3AD203B41FA5}">
                      <a16:colId xmlns:a16="http://schemas.microsoft.com/office/drawing/2014/main" val="1624386934"/>
                    </a:ext>
                  </a:extLst>
                </a:gridCol>
                <a:gridCol w="1273193">
                  <a:extLst>
                    <a:ext uri="{9D8B030D-6E8A-4147-A177-3AD203B41FA5}">
                      <a16:colId xmlns:a16="http://schemas.microsoft.com/office/drawing/2014/main" val="1481101947"/>
                    </a:ext>
                  </a:extLst>
                </a:gridCol>
                <a:gridCol w="1273193">
                  <a:extLst>
                    <a:ext uri="{9D8B030D-6E8A-4147-A177-3AD203B41FA5}">
                      <a16:colId xmlns:a16="http://schemas.microsoft.com/office/drawing/2014/main" val="2422237190"/>
                    </a:ext>
                  </a:extLst>
                </a:gridCol>
                <a:gridCol w="1273193">
                  <a:extLst>
                    <a:ext uri="{9D8B030D-6E8A-4147-A177-3AD203B41FA5}">
                      <a16:colId xmlns:a16="http://schemas.microsoft.com/office/drawing/2014/main" val="1592034875"/>
                    </a:ext>
                  </a:extLst>
                </a:gridCol>
                <a:gridCol w="1273193">
                  <a:extLst>
                    <a:ext uri="{9D8B030D-6E8A-4147-A177-3AD203B41FA5}">
                      <a16:colId xmlns:a16="http://schemas.microsoft.com/office/drawing/2014/main" val="851382468"/>
                    </a:ext>
                  </a:extLst>
                </a:gridCol>
                <a:gridCol w="1273193">
                  <a:extLst>
                    <a:ext uri="{9D8B030D-6E8A-4147-A177-3AD203B41FA5}">
                      <a16:colId xmlns:a16="http://schemas.microsoft.com/office/drawing/2014/main" val="2629398722"/>
                    </a:ext>
                  </a:extLst>
                </a:gridCol>
                <a:gridCol w="1273193">
                  <a:extLst>
                    <a:ext uri="{9D8B030D-6E8A-4147-A177-3AD203B41FA5}">
                      <a16:colId xmlns:a16="http://schemas.microsoft.com/office/drawing/2014/main" val="165705925"/>
                    </a:ext>
                  </a:extLst>
                </a:gridCol>
                <a:gridCol w="1273193">
                  <a:extLst>
                    <a:ext uri="{9D8B030D-6E8A-4147-A177-3AD203B41FA5}">
                      <a16:colId xmlns:a16="http://schemas.microsoft.com/office/drawing/2014/main" val="1488801779"/>
                    </a:ext>
                  </a:extLst>
                </a:gridCol>
                <a:gridCol w="1273193">
                  <a:extLst>
                    <a:ext uri="{9D8B030D-6E8A-4147-A177-3AD203B41FA5}">
                      <a16:colId xmlns:a16="http://schemas.microsoft.com/office/drawing/2014/main" val="3010255746"/>
                    </a:ext>
                  </a:extLst>
                </a:gridCol>
              </a:tblGrid>
              <a:tr h="390400">
                <a:tc>
                  <a:txBody>
                    <a:bodyPr/>
                    <a:lstStyle/>
                    <a:p>
                      <a:pPr algn="l" fontAlgn="b"/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9050" cap="flat" cmpd="sng" algn="ctr">
                      <a:solidFill>
                        <a:schemeClr val="tx1"/>
                      </a:solidFill>
                      <a:prstDash val="solid"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IN" sz="1200" b="0" i="0" u="none" strike="noStrike" cap="none" spc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</a:t>
                      </a:r>
                      <a:r>
                        <a:rPr lang="en-IN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AK 5.5_21700</a:t>
                      </a:r>
                    </a:p>
                  </a:txBody>
                  <a:tcPr marL="59647" marR="4779" marT="45882" marB="45882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4</a:t>
                      </a:r>
                      <a:r>
                        <a:rPr lang="en-IN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680 Gen2</a:t>
                      </a:r>
                    </a:p>
                  </a:txBody>
                  <a:tcPr marL="59647" marR="4779" marT="45882" marB="45882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livex</a:t>
                      </a:r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32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CBAK 3214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2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EVE 5.0_21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200" b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Moilicell</a:t>
                      </a:r>
                      <a:r>
                        <a:rPr lang="en-IN" sz="12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4.2 21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RIN 5.8 _21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58024034"/>
                  </a:ext>
                </a:extLst>
              </a:tr>
              <a:tr h="390400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Material 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9050" cap="flat" cmpd="sng" algn="ctr">
                      <a:solidFill>
                        <a:schemeClr val="tx1"/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38100" cmpd="sng">
                      <a:noFill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Cathode material 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38100" cmpd="sng">
                      <a:noFill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38100" cmpd="sng">
                      <a:noFill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38100" cmpd="sng">
                      <a:noFill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38100" cmpd="sng">
                      <a:noFill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38100" cmpd="sng">
                      <a:noFill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38100" cmpd="sng">
                      <a:noFill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mpd="sng">
                      <a:noFill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38100" cmpd="sng">
                      <a:noFill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90376548"/>
                  </a:ext>
                </a:extLst>
              </a:tr>
              <a:tr h="390400"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9050" cap="flat" cmpd="sng" algn="ctr">
                      <a:solidFill>
                        <a:schemeClr val="tx1"/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Composition</a:t>
                      </a: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43209914"/>
                  </a:ext>
                </a:extLst>
              </a:tr>
              <a:tr h="546449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Foil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Length of Al foil (coating + uncoating) (mm)</a:t>
                      </a:r>
                      <a:endParaRPr lang="en-GB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82447590"/>
                  </a:ext>
                </a:extLst>
              </a:tr>
              <a:tr h="390400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Width of Al Foil (mm)</a:t>
                      </a:r>
                      <a:endParaRPr lang="en-GB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12007081"/>
                  </a:ext>
                </a:extLst>
              </a:tr>
              <a:tr h="390400">
                <a:tc rowSpan="4"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Thickness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Bare Al foil (um)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19190114"/>
                  </a:ext>
                </a:extLst>
              </a:tr>
              <a:tr h="390400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A-side (w/o Al)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16706424"/>
                  </a:ext>
                </a:extLst>
              </a:tr>
              <a:tr h="390400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B-side (w/o Al)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04009688"/>
                  </a:ext>
                </a:extLst>
              </a:tr>
              <a:tr h="390400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Total 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04672989"/>
                  </a:ext>
                </a:extLst>
              </a:tr>
              <a:tr h="390400">
                <a:tc rowSpan="4"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Areal density (mg/cm2)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Bare Al foil 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baseline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06583729"/>
                  </a:ext>
                </a:extLst>
              </a:tr>
              <a:tr h="390400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A-Side (w/o Al)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53739703"/>
                  </a:ext>
                </a:extLst>
              </a:tr>
              <a:tr h="390400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B-Side (w/o Al)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  <a:prstDash val="soli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28126413"/>
                  </a:ext>
                </a:extLst>
              </a:tr>
              <a:tr h="390400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cap="none" spc="0" err="1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Total_A+B</a:t>
                      </a:r>
                      <a:r>
                        <a:rPr lang="en-IN" sz="1200" u="none" strike="noStrike" cap="none" spc="0">
                          <a:solidFill>
                            <a:schemeClr val="tx1"/>
                          </a:solidFill>
                          <a:effectLst/>
                          <a:latin typeface="Aptos Display" panose="020B0004020202020204" pitchFamily="34" charset="0"/>
                        </a:rPr>
                        <a:t>_(w/o Al)</a:t>
                      </a:r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mpd="sng">
                      <a:noFill/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  <a:prstDash val="solid"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cap="none" spc="0" dirty="0">
                        <a:solidFill>
                          <a:schemeClr val="tx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63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12700" cmpd="sng">
                      <a:noFill/>
                      <a:prstDash val="solid"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56717919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065366446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able 1">
            <a:extLst>
              <a:ext uri="{FF2B5EF4-FFF2-40B4-BE49-F238E27FC236}">
                <a16:creationId xmlns:a16="http://schemas.microsoft.com/office/drawing/2014/main" id="{A5B534F5-410A-CB58-9CA1-33539E17758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38150264"/>
              </p:ext>
            </p:extLst>
          </p:nvPr>
        </p:nvGraphicFramePr>
        <p:xfrm>
          <a:off x="231875" y="1246377"/>
          <a:ext cx="11404953" cy="4599453"/>
        </p:xfrm>
        <a:graphic>
          <a:graphicData uri="http://schemas.openxmlformats.org/drawingml/2006/table">
            <a:tbl>
              <a:tblPr firstRow="1" bandRow="1">
                <a:tableStyleId>{8EC20E35-A176-4012-BC5E-935CFFF8708E}</a:tableStyleId>
              </a:tblPr>
              <a:tblGrid>
                <a:gridCol w="1267217">
                  <a:extLst>
                    <a:ext uri="{9D8B030D-6E8A-4147-A177-3AD203B41FA5}">
                      <a16:colId xmlns:a16="http://schemas.microsoft.com/office/drawing/2014/main" val="2526796930"/>
                    </a:ext>
                  </a:extLst>
                </a:gridCol>
                <a:gridCol w="1267217">
                  <a:extLst>
                    <a:ext uri="{9D8B030D-6E8A-4147-A177-3AD203B41FA5}">
                      <a16:colId xmlns:a16="http://schemas.microsoft.com/office/drawing/2014/main" val="3604530580"/>
                    </a:ext>
                  </a:extLst>
                </a:gridCol>
                <a:gridCol w="1267217">
                  <a:extLst>
                    <a:ext uri="{9D8B030D-6E8A-4147-A177-3AD203B41FA5}">
                      <a16:colId xmlns:a16="http://schemas.microsoft.com/office/drawing/2014/main" val="2831887177"/>
                    </a:ext>
                  </a:extLst>
                </a:gridCol>
                <a:gridCol w="1267217">
                  <a:extLst>
                    <a:ext uri="{9D8B030D-6E8A-4147-A177-3AD203B41FA5}">
                      <a16:colId xmlns:a16="http://schemas.microsoft.com/office/drawing/2014/main" val="255893747"/>
                    </a:ext>
                  </a:extLst>
                </a:gridCol>
                <a:gridCol w="1267217">
                  <a:extLst>
                    <a:ext uri="{9D8B030D-6E8A-4147-A177-3AD203B41FA5}">
                      <a16:colId xmlns:a16="http://schemas.microsoft.com/office/drawing/2014/main" val="1451346574"/>
                    </a:ext>
                  </a:extLst>
                </a:gridCol>
                <a:gridCol w="1267217">
                  <a:extLst>
                    <a:ext uri="{9D8B030D-6E8A-4147-A177-3AD203B41FA5}">
                      <a16:colId xmlns:a16="http://schemas.microsoft.com/office/drawing/2014/main" val="3334116000"/>
                    </a:ext>
                  </a:extLst>
                </a:gridCol>
                <a:gridCol w="1267217">
                  <a:extLst>
                    <a:ext uri="{9D8B030D-6E8A-4147-A177-3AD203B41FA5}">
                      <a16:colId xmlns:a16="http://schemas.microsoft.com/office/drawing/2014/main" val="2655592206"/>
                    </a:ext>
                  </a:extLst>
                </a:gridCol>
                <a:gridCol w="1267217">
                  <a:extLst>
                    <a:ext uri="{9D8B030D-6E8A-4147-A177-3AD203B41FA5}">
                      <a16:colId xmlns:a16="http://schemas.microsoft.com/office/drawing/2014/main" val="1957341793"/>
                    </a:ext>
                  </a:extLst>
                </a:gridCol>
                <a:gridCol w="1267217">
                  <a:extLst>
                    <a:ext uri="{9D8B030D-6E8A-4147-A177-3AD203B41FA5}">
                      <a16:colId xmlns:a16="http://schemas.microsoft.com/office/drawing/2014/main" val="2174421877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ctr" fontAlgn="b"/>
                      <a:endParaRPr lang="en-IN" sz="1200" b="0" i="0" u="none" strike="noStrike">
                        <a:solidFill>
                          <a:schemeClr val="bg1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IN" sz="1200" b="0" i="0" u="none" strike="noStrike">
                        <a:solidFill>
                          <a:schemeClr val="bg1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</a:t>
                      </a:r>
                      <a:r>
                        <a:rPr lang="en-IN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AK 5.5_21700</a:t>
                      </a:r>
                    </a:p>
                  </a:txBody>
                  <a:tcPr marL="59647" marR="4779" marT="45882" marB="45882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4</a:t>
                      </a:r>
                      <a:r>
                        <a:rPr lang="en-IN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680 Gen2</a:t>
                      </a:r>
                    </a:p>
                  </a:txBody>
                  <a:tcPr marL="59647" marR="4779" marT="45882" marB="45882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livex</a:t>
                      </a:r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32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CBAK 3214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2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EVE 5.0_21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200" b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Moilicell</a:t>
                      </a:r>
                      <a:r>
                        <a:rPr lang="en-IN" sz="12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4.2 21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RIN 5.8_21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2977819"/>
                  </a:ext>
                </a:extLst>
              </a:tr>
              <a:tr h="376539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Material 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Anode material 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80207849"/>
                  </a:ext>
                </a:extLst>
              </a:tr>
              <a:tr h="376539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Foil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1200" u="none" strike="noStrike">
                          <a:effectLst/>
                        </a:rPr>
                        <a:t>Length of Cu foil (coating + uncoating) (mm)</a:t>
                      </a:r>
                      <a:endParaRPr lang="en-GB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8312637"/>
                  </a:ext>
                </a:extLst>
              </a:tr>
              <a:tr h="37653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1200" u="none" strike="noStrike">
                          <a:effectLst/>
                        </a:rPr>
                        <a:t>Width of Cu Foil (mm)</a:t>
                      </a:r>
                      <a:endParaRPr lang="en-GB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27867844"/>
                  </a:ext>
                </a:extLst>
              </a:tr>
              <a:tr h="376539">
                <a:tc rowSpan="4"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Thickness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Bare Cu foil (um)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19179157"/>
                  </a:ext>
                </a:extLst>
              </a:tr>
              <a:tr h="37653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A-side (w/o Cu)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91224490"/>
                  </a:ext>
                </a:extLst>
              </a:tr>
              <a:tr h="37653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B-side (w/o Cu)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96050882"/>
                  </a:ext>
                </a:extLst>
              </a:tr>
              <a:tr h="37653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Total 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61682647"/>
                  </a:ext>
                </a:extLst>
              </a:tr>
              <a:tr h="376539">
                <a:tc rowSpan="4"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Loading (mg/cm2)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Bare Cu foil 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1554180"/>
                  </a:ext>
                </a:extLst>
              </a:tr>
              <a:tr h="37653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A-Side (w/o Cu)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55631172"/>
                  </a:ext>
                </a:extLst>
              </a:tr>
              <a:tr h="37653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</a:rPr>
                        <a:t>B-Side (w/o Cu)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24847721"/>
                  </a:ext>
                </a:extLst>
              </a:tr>
              <a:tr h="37653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 err="1">
                          <a:effectLst/>
                        </a:rPr>
                        <a:t>Total_A+B</a:t>
                      </a:r>
                      <a:r>
                        <a:rPr lang="en-IN" sz="1200" u="none" strike="noStrike">
                          <a:effectLst/>
                        </a:rPr>
                        <a:t>_(w/o Cu)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25636898"/>
                  </a:ext>
                </a:extLst>
              </a:tr>
            </a:tbl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367D3F0E-9BF9-EFFC-0776-E594C9FB3836}"/>
              </a:ext>
            </a:extLst>
          </p:cNvPr>
          <p:cNvSpPr txBox="1">
            <a:spLocks/>
          </p:cNvSpPr>
          <p:nvPr/>
        </p:nvSpPr>
        <p:spPr>
          <a:xfrm>
            <a:off x="2263140" y="194706"/>
            <a:ext cx="6995160" cy="501015"/>
          </a:xfrm>
          <a:prstGeom prst="homePlate">
            <a:avLst>
              <a:gd name="adj" fmla="val 110000"/>
            </a:avLst>
          </a:prstGeom>
          <a:solidFill>
            <a:srgbClr val="F8CBAD"/>
          </a:solidFill>
        </p:spPr>
        <p:txBody>
          <a:bodyPr vert="horz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Gotham" pitchFamily="50" charset="0"/>
                <a:ea typeface="+mj-ea"/>
                <a:cs typeface="+mj-cs"/>
              </a:defRPr>
            </a:lvl1pPr>
          </a:lstStyle>
          <a:p>
            <a:pPr>
              <a:lnSpc>
                <a:spcPct val="100000"/>
              </a:lnSpc>
            </a:pPr>
            <a:r>
              <a:rPr lang="en-IN" sz="2800" b="1" dirty="0"/>
              <a:t>Anode: Overall comparison</a:t>
            </a:r>
          </a:p>
        </p:txBody>
      </p:sp>
    </p:spTree>
    <p:extLst>
      <p:ext uri="{BB962C8B-B14F-4D97-AF65-F5344CB8AC3E}">
        <p14:creationId xmlns:p14="http://schemas.microsoft.com/office/powerpoint/2010/main" val="2843229640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able 1">
            <a:extLst>
              <a:ext uri="{FF2B5EF4-FFF2-40B4-BE49-F238E27FC236}">
                <a16:creationId xmlns:a16="http://schemas.microsoft.com/office/drawing/2014/main" id="{F1322BC9-1340-7B6C-4DF9-FA33C0932BD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74658380"/>
              </p:ext>
            </p:extLst>
          </p:nvPr>
        </p:nvGraphicFramePr>
        <p:xfrm>
          <a:off x="369572" y="892221"/>
          <a:ext cx="10516933" cy="5518633"/>
        </p:xfrm>
        <a:graphic>
          <a:graphicData uri="http://schemas.openxmlformats.org/drawingml/2006/table">
            <a:tbl>
              <a:tblPr firstRow="1" bandRow="1">
                <a:tableStyleId>{5940675A-B579-460E-94D1-54222C63F5DA}</a:tableStyleId>
              </a:tblPr>
              <a:tblGrid>
                <a:gridCol w="1673613">
                  <a:extLst>
                    <a:ext uri="{9D8B030D-6E8A-4147-A177-3AD203B41FA5}">
                      <a16:colId xmlns:a16="http://schemas.microsoft.com/office/drawing/2014/main" val="2526796930"/>
                    </a:ext>
                  </a:extLst>
                </a:gridCol>
                <a:gridCol w="1573713">
                  <a:extLst>
                    <a:ext uri="{9D8B030D-6E8A-4147-A177-3AD203B41FA5}">
                      <a16:colId xmlns:a16="http://schemas.microsoft.com/office/drawing/2014/main" val="3604530580"/>
                    </a:ext>
                  </a:extLst>
                </a:gridCol>
                <a:gridCol w="1045028">
                  <a:extLst>
                    <a:ext uri="{9D8B030D-6E8A-4147-A177-3AD203B41FA5}">
                      <a16:colId xmlns:a16="http://schemas.microsoft.com/office/drawing/2014/main" val="2831887177"/>
                    </a:ext>
                  </a:extLst>
                </a:gridCol>
                <a:gridCol w="1174421">
                  <a:extLst>
                    <a:ext uri="{9D8B030D-6E8A-4147-A177-3AD203B41FA5}">
                      <a16:colId xmlns:a16="http://schemas.microsoft.com/office/drawing/2014/main" val="255893747"/>
                    </a:ext>
                  </a:extLst>
                </a:gridCol>
                <a:gridCol w="1080883">
                  <a:extLst>
                    <a:ext uri="{9D8B030D-6E8A-4147-A177-3AD203B41FA5}">
                      <a16:colId xmlns:a16="http://schemas.microsoft.com/office/drawing/2014/main" val="1451346574"/>
                    </a:ext>
                  </a:extLst>
                </a:gridCol>
                <a:gridCol w="893807">
                  <a:extLst>
                    <a:ext uri="{9D8B030D-6E8A-4147-A177-3AD203B41FA5}">
                      <a16:colId xmlns:a16="http://schemas.microsoft.com/office/drawing/2014/main" val="3334116000"/>
                    </a:ext>
                  </a:extLst>
                </a:gridCol>
                <a:gridCol w="997540">
                  <a:extLst>
                    <a:ext uri="{9D8B030D-6E8A-4147-A177-3AD203B41FA5}">
                      <a16:colId xmlns:a16="http://schemas.microsoft.com/office/drawing/2014/main" val="2655592206"/>
                    </a:ext>
                  </a:extLst>
                </a:gridCol>
                <a:gridCol w="1038964">
                  <a:extLst>
                    <a:ext uri="{9D8B030D-6E8A-4147-A177-3AD203B41FA5}">
                      <a16:colId xmlns:a16="http://schemas.microsoft.com/office/drawing/2014/main" val="1957341793"/>
                    </a:ext>
                  </a:extLst>
                </a:gridCol>
                <a:gridCol w="1038964">
                  <a:extLst>
                    <a:ext uri="{9D8B030D-6E8A-4147-A177-3AD203B41FA5}">
                      <a16:colId xmlns:a16="http://schemas.microsoft.com/office/drawing/2014/main" val="2804444283"/>
                    </a:ext>
                  </a:extLst>
                </a:gridCol>
              </a:tblGrid>
              <a:tr h="260425">
                <a:tc>
                  <a:txBody>
                    <a:bodyPr/>
                    <a:lstStyle/>
                    <a:p>
                      <a:pPr algn="ctr" fontAlgn="b"/>
                      <a:endParaRPr lang="en-IN" sz="1200" b="1" i="0" u="none" strike="noStrike">
                        <a:solidFill>
                          <a:schemeClr val="bg1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IN" sz="1200" b="1" i="0" u="none" strike="noStrike">
                        <a:solidFill>
                          <a:schemeClr val="bg1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</a:t>
                      </a:r>
                      <a:r>
                        <a:rPr lang="en-IN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AK 5.5_21700</a:t>
                      </a:r>
                    </a:p>
                  </a:txBody>
                  <a:tcPr marL="59647" marR="4779" marT="45882" marB="45882" anchor="ctr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4</a:t>
                      </a:r>
                      <a:r>
                        <a:rPr lang="en-IN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680 Gen2</a:t>
                      </a:r>
                    </a:p>
                  </a:txBody>
                  <a:tcPr marL="59647" marR="4779" marT="45882" marB="45882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Blivex</a:t>
                      </a:r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32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CBAK 3214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2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EVE 5.0_21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200" b="0" u="none" strike="noStrike" cap="none" spc="0" dirty="0" err="1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Moilicell</a:t>
                      </a:r>
                      <a:r>
                        <a:rPr lang="en-IN" sz="1200" b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 4.2 21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Aptos Display" panose="020B0004020202020204" pitchFamily="34" charset="0"/>
                        </a:rPr>
                        <a:t>RIN 5.8_21700</a:t>
                      </a:r>
                      <a:endParaRPr lang="en-IN" sz="1200" b="0" i="0" u="none" strike="noStrike" cap="none" spc="0" dirty="0">
                        <a:solidFill>
                          <a:schemeClr val="bg1"/>
                        </a:solidFill>
                        <a:effectLst/>
                        <a:latin typeface="Aptos Display" panose="020B0004020202020204" pitchFamily="34" charset="0"/>
                      </a:endParaRPr>
                    </a:p>
                  </a:txBody>
                  <a:tcPr marL="59647" marR="4779" marT="45882" marB="45882" anchor="ctr">
                    <a:solidFill>
                      <a:schemeClr val="accent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32977819"/>
                  </a:ext>
                </a:extLst>
              </a:tr>
              <a:tr h="260425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u="none" strike="noStrike">
                          <a:effectLst/>
                          <a:latin typeface="Trebuchet MS" panose="020B0603020202020204" pitchFamily="34" charset="0"/>
                        </a:rPr>
                        <a:t>Material 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From SEM surface morphology</a:t>
                      </a:r>
                    </a:p>
                  </a:txBody>
                  <a:tcPr marL="10779" marR="10779" marT="10779" marB="0" anchor="ctr"/>
                </a:tc>
                <a:tc gridSpan="7">
                  <a:txBody>
                    <a:bodyPr/>
                    <a:lstStyle/>
                    <a:p>
                      <a:pPr algn="ctr" fontAlgn="ctr"/>
                      <a:r>
                        <a:rPr lang="en-US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To be checked @ EESL facility once ready</a:t>
                      </a: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 dirty="0"/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3280207849"/>
                  </a:ext>
                </a:extLst>
              </a:tr>
              <a:tr h="360619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No of separators in cell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Design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188312637"/>
                  </a:ext>
                </a:extLst>
              </a:tr>
              <a:tr h="315910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Separator-1 Length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Design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3690019288"/>
                  </a:ext>
                </a:extLst>
              </a:tr>
              <a:tr h="315910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Separator-2 Length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Design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3298320290"/>
                  </a:ext>
                </a:extLst>
              </a:tr>
              <a:tr h="315910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Separator Width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Design</a:t>
                      </a:r>
                      <a:endParaRPr lang="en-IN" sz="1200" dirty="0"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endParaRPr lang="en-IN" sz="1200"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endParaRPr lang="en-IN" sz="1200" dirty="0"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endParaRPr lang="en-IN" sz="1200"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IN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IN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endParaRPr lang="en-IN" sz="1200" dirty="0"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endParaRPr lang="en-IN" sz="1200" dirty="0"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1824156811"/>
                  </a:ext>
                </a:extLst>
              </a:tr>
              <a:tr h="260425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Separator Thickness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Design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 dirty="0"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FF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FF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519179157"/>
                  </a:ext>
                </a:extLst>
              </a:tr>
              <a:tr h="260425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Base film thickness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From SEM cross-section</a:t>
                      </a:r>
                    </a:p>
                  </a:txBody>
                  <a:tcPr marL="10779" marR="10779" marT="10779" marB="0" anchor="ctr"/>
                </a:tc>
                <a:tc gridSpan="7">
                  <a:txBody>
                    <a:bodyPr/>
                    <a:lstStyle/>
                    <a:p>
                      <a:pPr algn="ctr" fontAlgn="ctr"/>
                      <a:r>
                        <a:rPr lang="en-US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To be checked @ EESL facility once ready</a:t>
                      </a: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2857282358"/>
                  </a:ext>
                </a:extLst>
              </a:tr>
              <a:tr h="417232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Is both separators morphology identical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Visual inspection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1361682647"/>
                  </a:ext>
                </a:extLst>
              </a:tr>
              <a:tr h="417232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Is separator Coated both sides/single side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Visual/SEM morphology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2401554180"/>
                  </a:ext>
                </a:extLst>
              </a:tr>
              <a:tr h="417232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Coating thickness on cathode side of separator (Probable)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Design &amp; visual inspection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2155631172"/>
                  </a:ext>
                </a:extLst>
              </a:tr>
              <a:tr h="417232"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200" b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Coating thickness on Anode side of separator (Probable)</a:t>
                      </a:r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Design &amp; visual inspection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1200" b="0" i="0" u="none" strike="noStrike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1324847721"/>
                  </a:ext>
                </a:extLst>
              </a:tr>
              <a:tr h="409416"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Coating material on cathode side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From SEM-EDX</a:t>
                      </a:r>
                    </a:p>
                  </a:txBody>
                  <a:tcPr marL="10779" marR="10779" marT="10779" marB="0" anchor="ctr"/>
                </a:tc>
                <a:tc gridSpan="7"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To be checked @ EESL facility once ready</a:t>
                      </a: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 dirty="0"/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3679263071"/>
                  </a:ext>
                </a:extLst>
              </a:tr>
              <a:tr h="260425"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Coating material on Anode side</a:t>
                      </a:r>
                    </a:p>
                  </a:txBody>
                  <a:tcPr marL="10779" marR="10779" marT="10779" marB="0"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From SEM-EDX</a:t>
                      </a:r>
                    </a:p>
                  </a:txBody>
                  <a:tcPr marL="10779" marR="10779" marT="10779" marB="0" anchor="ctr"/>
                </a:tc>
                <a:tc gridSpan="7"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To be checked @ EESL facility once ready</a:t>
                      </a:r>
                    </a:p>
                  </a:txBody>
                  <a:tcPr marL="10779" marR="10779" marT="10779" marB="0" anchor="ctr">
                    <a:solidFill>
                      <a:schemeClr val="bg2">
                        <a:lumMod val="9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10779" marR="10779" marT="10779" marB="0" anchor="ctr"/>
                </a:tc>
                <a:tc hMerge="1">
                  <a:txBody>
                    <a:bodyPr/>
                    <a:lstStyle/>
                    <a:p>
                      <a:endParaRPr dirty="0"/>
                    </a:p>
                  </a:txBody>
                  <a:tcPr marL="10779" marR="10779" marT="10779" marB="0" anchor="ctr"/>
                </a:tc>
                <a:extLst>
                  <a:ext uri="{0D108BD9-81ED-4DB2-BD59-A6C34878D82A}">
                    <a16:rowId xmlns:a16="http://schemas.microsoft.com/office/drawing/2014/main" val="2734494993"/>
                  </a:ext>
                </a:extLst>
              </a:tr>
            </a:tbl>
          </a:graphicData>
        </a:graphic>
      </p:graphicFrame>
      <p:sp>
        <p:nvSpPr>
          <p:cNvPr id="3" name="Title 3">
            <a:extLst>
              <a:ext uri="{FF2B5EF4-FFF2-40B4-BE49-F238E27FC236}">
                <a16:creationId xmlns:a16="http://schemas.microsoft.com/office/drawing/2014/main" id="{F809308B-31E2-45DF-5335-82B415C1F335}"/>
              </a:ext>
            </a:extLst>
          </p:cNvPr>
          <p:cNvSpPr txBox="1">
            <a:spLocks/>
          </p:cNvSpPr>
          <p:nvPr/>
        </p:nvSpPr>
        <p:spPr>
          <a:xfrm>
            <a:off x="2263140" y="194706"/>
            <a:ext cx="6995160" cy="501015"/>
          </a:xfrm>
          <a:prstGeom prst="homePlate">
            <a:avLst>
              <a:gd name="adj" fmla="val 110000"/>
            </a:avLst>
          </a:prstGeom>
          <a:solidFill>
            <a:srgbClr val="F8CBAD"/>
          </a:solidFill>
        </p:spPr>
        <p:txBody>
          <a:bodyPr vert="horz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Gotham" pitchFamily="50" charset="0"/>
                <a:ea typeface="+mj-ea"/>
                <a:cs typeface="+mj-cs"/>
              </a:defRPr>
            </a:lvl1pPr>
          </a:lstStyle>
          <a:p>
            <a:pPr>
              <a:lnSpc>
                <a:spcPct val="100000"/>
              </a:lnSpc>
            </a:pPr>
            <a:r>
              <a:rPr lang="en-IN" sz="2800" b="1" dirty="0"/>
              <a:t>Separator: Overall comparison</a:t>
            </a:r>
          </a:p>
        </p:txBody>
      </p:sp>
    </p:spTree>
    <p:extLst>
      <p:ext uri="{BB962C8B-B14F-4D97-AF65-F5344CB8AC3E}">
        <p14:creationId xmlns:p14="http://schemas.microsoft.com/office/powerpoint/2010/main" val="1450044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Images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zHdBpIQwBy9w2YJ_sSycA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Images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bAcT2U7sWizHG730pfUDw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nVhS7V0eGB4hNwyffYVqg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1hIba0sxXbFDTYw2pDolw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LMJxUIV9G1DEyfPazL2ug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XzE9._mMLLGWwUoIS5bbQ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QN.c9Rd1X6gZ7W4Or6C.A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Exide energy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Exide energy" id="{206EEE7C-C3F3-4C6D-B936-CF6A081029ED}" vid="{A45DFD7E-760A-4B53-8453-9A25070B291D}"/>
    </a:ext>
  </a:extLst>
</a:theme>
</file>

<file path=ppt/theme/theme2.xml><?xml version="1.0" encoding="utf-8"?>
<a:theme xmlns:a="http://schemas.openxmlformats.org/drawingml/2006/main" name="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3.xml><?xml version="1.0" encoding="utf-8"?>
<a:theme xmlns:a="http://schemas.openxmlformats.org/drawingml/2006/main" name="ACE Grid 16:9">
  <a:themeElements>
    <a:clrScheme name="Exide_Svolt">
      <a:dk1>
        <a:srgbClr val="034EA2"/>
      </a:dk1>
      <a:lt1>
        <a:srgbClr val="FFFFFF"/>
      </a:lt1>
      <a:dk2>
        <a:srgbClr val="1D2089"/>
      </a:dk2>
      <a:lt2>
        <a:srgbClr val="FFFFFF"/>
      </a:lt2>
      <a:accent1>
        <a:srgbClr val="034EA2"/>
      </a:accent1>
      <a:accent2>
        <a:srgbClr val="ED1D24"/>
      </a:accent2>
      <a:accent3>
        <a:srgbClr val="1D2089"/>
      </a:accent3>
      <a:accent4>
        <a:srgbClr val="B90F13"/>
      </a:accent4>
      <a:accent5>
        <a:srgbClr val="F8B600"/>
      </a:accent5>
      <a:accent6>
        <a:srgbClr val="7C7C7C"/>
      </a:accent6>
      <a:hlink>
        <a:srgbClr val="B90F13"/>
      </a:hlink>
      <a:folHlink>
        <a:srgbClr val="5458DA"/>
      </a:folHlink>
    </a:clrScheme>
    <a:fontScheme name="ACE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DB2026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4.xml><?xml version="1.0" encoding="utf-8"?>
<a:theme xmlns:a="http://schemas.openxmlformats.org/drawingml/2006/main" name="1_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5.xml><?xml version="1.0" encoding="utf-8"?>
<a:theme xmlns:a="http://schemas.openxmlformats.org/drawingml/2006/main" name="2_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6.xml><?xml version="1.0" encoding="utf-8"?>
<a:theme xmlns:a="http://schemas.openxmlformats.org/drawingml/2006/main" name="3_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7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Override1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2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3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4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5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>Exide energy</Template>
  <TotalTime>1658</TotalTime>
  <Words>1326</Words>
  <Application>Microsoft Office PowerPoint</Application>
  <PresentationFormat>Widescreen</PresentationFormat>
  <Paragraphs>516</Paragraphs>
  <Slides>24</Slides>
  <Notes>5</Notes>
  <HiddenSlides>0</HiddenSlides>
  <MMClips>0</MMClips>
  <ScaleCrop>false</ScaleCrop>
  <HeadingPairs>
    <vt:vector size="8" baseType="variant">
      <vt:variant>
        <vt:lpstr>Fonts Used</vt:lpstr>
      </vt:variant>
      <vt:variant>
        <vt:i4>10</vt:i4>
      </vt:variant>
      <vt:variant>
        <vt:lpstr>Theme</vt:lpstr>
      </vt:variant>
      <vt:variant>
        <vt:i4>6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4</vt:i4>
      </vt:variant>
    </vt:vector>
  </HeadingPairs>
  <TitlesOfParts>
    <vt:vector size="41" baseType="lpstr">
      <vt:lpstr>Aptos</vt:lpstr>
      <vt:lpstr>Aptos Display</vt:lpstr>
      <vt:lpstr>Aptos Narrow</vt:lpstr>
      <vt:lpstr>Arial</vt:lpstr>
      <vt:lpstr>Calibri</vt:lpstr>
      <vt:lpstr>Gotham</vt:lpstr>
      <vt:lpstr>Gotham Bold</vt:lpstr>
      <vt:lpstr>Gotham Light</vt:lpstr>
      <vt:lpstr>Times New Roman</vt:lpstr>
      <vt:lpstr>Trebuchet MS</vt:lpstr>
      <vt:lpstr>Exide energy</vt:lpstr>
      <vt:lpstr>Exide Grid 16:9 - 15353</vt:lpstr>
      <vt:lpstr>ACE Grid 16:9</vt:lpstr>
      <vt:lpstr>1_Exide Grid 16:9 - 15353</vt:lpstr>
      <vt:lpstr>2_Exide Grid 16:9 - 15353</vt:lpstr>
      <vt:lpstr>3_Exide Grid 16:9 - 15353</vt:lpstr>
      <vt:lpstr>think-cell Slid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Cathode: Overall comparis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rismatic cell Report</vt:lpstr>
      <vt:lpstr>PowerPoint Presentation</vt:lpstr>
      <vt:lpstr>Jelly roll parameters </vt:lpstr>
      <vt:lpstr>Cathode &amp; Anode electrode details </vt:lpstr>
      <vt:lpstr>Separator details</vt:lpstr>
      <vt:lpstr>Cut open images </vt:lpstr>
      <vt:lpstr>PowerPoint Presentation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Sai Vanam</dc:creator>
  <cp:lastModifiedBy>Suman Das</cp:lastModifiedBy>
  <cp:revision>2</cp:revision>
  <dcterms:created xsi:type="dcterms:W3CDTF">2024-09-25T08:59:02Z</dcterms:created>
  <dcterms:modified xsi:type="dcterms:W3CDTF">2025-05-28T09:08:45Z</dcterms:modified>
</cp:coreProperties>
</file>